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58" r:id="rId3"/>
    <p:sldId id="265" r:id="rId4"/>
    <p:sldId id="275" r:id="rId5"/>
    <p:sldId id="266" r:id="rId6"/>
    <p:sldId id="267" r:id="rId7"/>
    <p:sldId id="268" r:id="rId8"/>
    <p:sldId id="269" r:id="rId9"/>
    <p:sldId id="276" r:id="rId10"/>
    <p:sldId id="277" r:id="rId11"/>
    <p:sldId id="279" r:id="rId12"/>
    <p:sldId id="274" r:id="rId13"/>
  </p:sldIdLst>
  <p:sldSz cx="12188825" cy="6858000"/>
  <p:notesSz cx="6797675" cy="9926638"/>
  <p:embeddedFontLst>
    <p:embeddedFont>
      <p:font typeface="AU Passata" panose="020B0604020202020204" charset="0"/>
      <p:regular r:id="rId16"/>
      <p:bold r:id="rId17"/>
    </p:embeddedFont>
    <p:embeddedFont>
      <p:font typeface="AU Peto" panose="020B0604020202020204" charset="0"/>
      <p:regular r:id="rId18"/>
      <p:bold r:id="rId19"/>
    </p:embeddedFont>
    <p:embeddedFont>
      <p:font typeface="AU Passata Light" panose="020B0604020202020204" charset="0"/>
      <p:regular r:id="rId20"/>
      <p:bold r:id="rId21"/>
    </p:embeddedFont>
    <p:embeddedFont>
      <p:font typeface="Wingdings 3" panose="05040102010807070707" pitchFamily="18" charset="2"/>
      <p:regular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Cambria Math" panose="02040503050406030204" pitchFamily="18" charset="0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B9BD5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3" autoAdjust="0"/>
    <p:restoredTop sz="93457" autoAdjust="0"/>
  </p:normalViewPr>
  <p:slideViewPr>
    <p:cSldViewPr snapToObjects="1" showGuides="1">
      <p:cViewPr varScale="1">
        <p:scale>
          <a:sx n="60" d="100"/>
          <a:sy n="60" d="100"/>
        </p:scale>
        <p:origin x="772" y="5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font" Target="fonts/font16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Relationship Id="rId35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Mappe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scatterChart>
        <c:scatterStyle val="smoothMarker"/>
        <c:varyColors val="0"/>
        <c:ser>
          <c:idx val="0"/>
          <c:order val="0"/>
          <c:spPr>
            <a:ln w="1905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xVal>
            <c:numRef>
              <c:f>'Ark1'!$D$2:$D$421</c:f>
              <c:numCache>
                <c:formatCode>0.00</c:formatCode>
                <c:ptCount val="420"/>
                <c:pt idx="0">
                  <c:v>1</c:v>
                </c:pt>
                <c:pt idx="1">
                  <c:v>1.03</c:v>
                </c:pt>
                <c:pt idx="2">
                  <c:v>1.06</c:v>
                </c:pt>
                <c:pt idx="3">
                  <c:v>1.0900000000000001</c:v>
                </c:pt>
                <c:pt idx="4">
                  <c:v>1.1200000000000001</c:v>
                </c:pt>
                <c:pt idx="5">
                  <c:v>1.1499999999999999</c:v>
                </c:pt>
                <c:pt idx="6">
                  <c:v>1.18</c:v>
                </c:pt>
                <c:pt idx="7">
                  <c:v>1.21</c:v>
                </c:pt>
                <c:pt idx="8">
                  <c:v>1.24</c:v>
                </c:pt>
                <c:pt idx="9">
                  <c:v>1.27</c:v>
                </c:pt>
                <c:pt idx="10">
                  <c:v>1.3</c:v>
                </c:pt>
                <c:pt idx="11">
                  <c:v>1.33</c:v>
                </c:pt>
                <c:pt idx="12">
                  <c:v>1.36</c:v>
                </c:pt>
                <c:pt idx="13">
                  <c:v>1.39</c:v>
                </c:pt>
                <c:pt idx="14">
                  <c:v>1.42</c:v>
                </c:pt>
                <c:pt idx="15">
                  <c:v>1.45</c:v>
                </c:pt>
                <c:pt idx="16">
                  <c:v>1.48</c:v>
                </c:pt>
                <c:pt idx="17">
                  <c:v>1.51</c:v>
                </c:pt>
                <c:pt idx="18">
                  <c:v>1.54</c:v>
                </c:pt>
                <c:pt idx="19">
                  <c:v>1.57</c:v>
                </c:pt>
                <c:pt idx="20">
                  <c:v>1.6</c:v>
                </c:pt>
                <c:pt idx="21">
                  <c:v>1.63</c:v>
                </c:pt>
                <c:pt idx="22">
                  <c:v>1.66</c:v>
                </c:pt>
                <c:pt idx="23">
                  <c:v>1.69</c:v>
                </c:pt>
                <c:pt idx="24">
                  <c:v>1.72</c:v>
                </c:pt>
                <c:pt idx="25">
                  <c:v>1.75</c:v>
                </c:pt>
                <c:pt idx="26">
                  <c:v>1.78</c:v>
                </c:pt>
                <c:pt idx="27">
                  <c:v>1.81</c:v>
                </c:pt>
                <c:pt idx="28">
                  <c:v>1.84</c:v>
                </c:pt>
                <c:pt idx="29">
                  <c:v>1.87</c:v>
                </c:pt>
                <c:pt idx="30">
                  <c:v>1.9</c:v>
                </c:pt>
                <c:pt idx="31">
                  <c:v>1.93</c:v>
                </c:pt>
                <c:pt idx="32">
                  <c:v>1.96</c:v>
                </c:pt>
                <c:pt idx="33">
                  <c:v>1.99</c:v>
                </c:pt>
                <c:pt idx="34">
                  <c:v>2.02</c:v>
                </c:pt>
                <c:pt idx="35">
                  <c:v>2.0499999999999998</c:v>
                </c:pt>
                <c:pt idx="36">
                  <c:v>2.08</c:v>
                </c:pt>
                <c:pt idx="37">
                  <c:v>2.11</c:v>
                </c:pt>
                <c:pt idx="38">
                  <c:v>2.14</c:v>
                </c:pt>
                <c:pt idx="39">
                  <c:v>2.17</c:v>
                </c:pt>
                <c:pt idx="40">
                  <c:v>2.2000000000000002</c:v>
                </c:pt>
                <c:pt idx="41">
                  <c:v>2.23</c:v>
                </c:pt>
                <c:pt idx="42">
                  <c:v>2.2599999999999998</c:v>
                </c:pt>
                <c:pt idx="43">
                  <c:v>2.29</c:v>
                </c:pt>
                <c:pt idx="44">
                  <c:v>2.3199999999999998</c:v>
                </c:pt>
                <c:pt idx="45">
                  <c:v>2.35</c:v>
                </c:pt>
                <c:pt idx="46">
                  <c:v>2.38</c:v>
                </c:pt>
                <c:pt idx="47">
                  <c:v>2.41</c:v>
                </c:pt>
                <c:pt idx="48">
                  <c:v>2.44</c:v>
                </c:pt>
                <c:pt idx="49">
                  <c:v>2.4700000000000002</c:v>
                </c:pt>
                <c:pt idx="50">
                  <c:v>2.5</c:v>
                </c:pt>
                <c:pt idx="51">
                  <c:v>2.5299999999999998</c:v>
                </c:pt>
                <c:pt idx="52">
                  <c:v>2.56</c:v>
                </c:pt>
                <c:pt idx="53">
                  <c:v>2.59</c:v>
                </c:pt>
                <c:pt idx="54">
                  <c:v>2.62</c:v>
                </c:pt>
                <c:pt idx="55">
                  <c:v>2.65</c:v>
                </c:pt>
                <c:pt idx="56">
                  <c:v>2.68</c:v>
                </c:pt>
                <c:pt idx="57">
                  <c:v>2.71</c:v>
                </c:pt>
                <c:pt idx="58">
                  <c:v>2.74</c:v>
                </c:pt>
                <c:pt idx="59">
                  <c:v>2.77</c:v>
                </c:pt>
                <c:pt idx="60">
                  <c:v>2.8</c:v>
                </c:pt>
                <c:pt idx="61">
                  <c:v>2.83</c:v>
                </c:pt>
                <c:pt idx="62">
                  <c:v>2.86</c:v>
                </c:pt>
                <c:pt idx="63">
                  <c:v>2.89</c:v>
                </c:pt>
                <c:pt idx="64">
                  <c:v>2.92</c:v>
                </c:pt>
                <c:pt idx="65">
                  <c:v>2.95</c:v>
                </c:pt>
                <c:pt idx="66">
                  <c:v>2.98</c:v>
                </c:pt>
                <c:pt idx="67">
                  <c:v>3.01</c:v>
                </c:pt>
                <c:pt idx="68">
                  <c:v>3.04</c:v>
                </c:pt>
                <c:pt idx="69">
                  <c:v>3.07</c:v>
                </c:pt>
                <c:pt idx="70">
                  <c:v>3.1</c:v>
                </c:pt>
                <c:pt idx="71">
                  <c:v>3.13</c:v>
                </c:pt>
                <c:pt idx="72">
                  <c:v>3.16</c:v>
                </c:pt>
                <c:pt idx="73">
                  <c:v>3.19</c:v>
                </c:pt>
                <c:pt idx="74">
                  <c:v>3.22</c:v>
                </c:pt>
                <c:pt idx="75">
                  <c:v>3.25</c:v>
                </c:pt>
                <c:pt idx="76">
                  <c:v>3.28</c:v>
                </c:pt>
                <c:pt idx="77">
                  <c:v>3.31</c:v>
                </c:pt>
                <c:pt idx="78">
                  <c:v>3.34</c:v>
                </c:pt>
                <c:pt idx="79">
                  <c:v>3.37</c:v>
                </c:pt>
                <c:pt idx="80">
                  <c:v>3.4</c:v>
                </c:pt>
                <c:pt idx="81">
                  <c:v>3.43</c:v>
                </c:pt>
                <c:pt idx="82">
                  <c:v>3.46</c:v>
                </c:pt>
                <c:pt idx="83">
                  <c:v>3.49</c:v>
                </c:pt>
                <c:pt idx="84">
                  <c:v>3.52</c:v>
                </c:pt>
                <c:pt idx="85">
                  <c:v>3.55</c:v>
                </c:pt>
                <c:pt idx="86">
                  <c:v>3.58</c:v>
                </c:pt>
                <c:pt idx="87">
                  <c:v>3.61</c:v>
                </c:pt>
                <c:pt idx="88">
                  <c:v>3.64</c:v>
                </c:pt>
                <c:pt idx="89">
                  <c:v>3.67</c:v>
                </c:pt>
                <c:pt idx="90">
                  <c:v>3.7</c:v>
                </c:pt>
                <c:pt idx="91">
                  <c:v>3.73</c:v>
                </c:pt>
                <c:pt idx="92">
                  <c:v>3.76</c:v>
                </c:pt>
                <c:pt idx="93">
                  <c:v>3.79</c:v>
                </c:pt>
                <c:pt idx="94">
                  <c:v>3.82</c:v>
                </c:pt>
                <c:pt idx="95">
                  <c:v>3.85</c:v>
                </c:pt>
                <c:pt idx="96">
                  <c:v>3.88</c:v>
                </c:pt>
                <c:pt idx="97">
                  <c:v>3.91</c:v>
                </c:pt>
                <c:pt idx="98">
                  <c:v>3.94</c:v>
                </c:pt>
                <c:pt idx="99">
                  <c:v>3.97</c:v>
                </c:pt>
                <c:pt idx="100">
                  <c:v>4</c:v>
                </c:pt>
                <c:pt idx="101">
                  <c:v>4.03</c:v>
                </c:pt>
                <c:pt idx="102">
                  <c:v>4.0599999999999996</c:v>
                </c:pt>
                <c:pt idx="103">
                  <c:v>4.09</c:v>
                </c:pt>
                <c:pt idx="104">
                  <c:v>4.12</c:v>
                </c:pt>
                <c:pt idx="105">
                  <c:v>4.1500000000000004</c:v>
                </c:pt>
                <c:pt idx="106">
                  <c:v>4.18</c:v>
                </c:pt>
                <c:pt idx="107">
                  <c:v>4.21</c:v>
                </c:pt>
                <c:pt idx="108">
                  <c:v>4.24</c:v>
                </c:pt>
                <c:pt idx="109">
                  <c:v>4.2699999999999996</c:v>
                </c:pt>
                <c:pt idx="110">
                  <c:v>4.3</c:v>
                </c:pt>
                <c:pt idx="111">
                  <c:v>4.33</c:v>
                </c:pt>
                <c:pt idx="112">
                  <c:v>4.3600000000000003</c:v>
                </c:pt>
                <c:pt idx="113">
                  <c:v>4.3899999999999997</c:v>
                </c:pt>
                <c:pt idx="114">
                  <c:v>4.42</c:v>
                </c:pt>
                <c:pt idx="115">
                  <c:v>4.45</c:v>
                </c:pt>
                <c:pt idx="116">
                  <c:v>4.4800000000000004</c:v>
                </c:pt>
                <c:pt idx="117">
                  <c:v>4.51</c:v>
                </c:pt>
                <c:pt idx="118">
                  <c:v>4.54</c:v>
                </c:pt>
                <c:pt idx="119">
                  <c:v>4.57</c:v>
                </c:pt>
                <c:pt idx="120">
                  <c:v>4.5999999999999996</c:v>
                </c:pt>
                <c:pt idx="121">
                  <c:v>4.63</c:v>
                </c:pt>
                <c:pt idx="122">
                  <c:v>4.66</c:v>
                </c:pt>
                <c:pt idx="123">
                  <c:v>4.6900000000000004</c:v>
                </c:pt>
                <c:pt idx="124">
                  <c:v>4.72</c:v>
                </c:pt>
                <c:pt idx="125">
                  <c:v>4.75</c:v>
                </c:pt>
                <c:pt idx="126">
                  <c:v>4.78</c:v>
                </c:pt>
                <c:pt idx="127">
                  <c:v>4.8099999999999996</c:v>
                </c:pt>
                <c:pt idx="128">
                  <c:v>4.84</c:v>
                </c:pt>
                <c:pt idx="129">
                  <c:v>4.87</c:v>
                </c:pt>
                <c:pt idx="130">
                  <c:v>4.9000000000000004</c:v>
                </c:pt>
                <c:pt idx="131">
                  <c:v>4.93</c:v>
                </c:pt>
                <c:pt idx="132">
                  <c:v>4.96</c:v>
                </c:pt>
                <c:pt idx="133">
                  <c:v>4.99</c:v>
                </c:pt>
                <c:pt idx="134">
                  <c:v>5.0199999999999996</c:v>
                </c:pt>
                <c:pt idx="135">
                  <c:v>5.05</c:v>
                </c:pt>
                <c:pt idx="136">
                  <c:v>5.08</c:v>
                </c:pt>
                <c:pt idx="137">
                  <c:v>5.1100000000000003</c:v>
                </c:pt>
                <c:pt idx="138">
                  <c:v>5.14</c:v>
                </c:pt>
                <c:pt idx="139">
                  <c:v>5.17</c:v>
                </c:pt>
                <c:pt idx="140">
                  <c:v>5.2</c:v>
                </c:pt>
                <c:pt idx="141">
                  <c:v>5.23</c:v>
                </c:pt>
                <c:pt idx="142">
                  <c:v>5.26</c:v>
                </c:pt>
                <c:pt idx="143">
                  <c:v>5.29</c:v>
                </c:pt>
                <c:pt idx="144">
                  <c:v>5.32</c:v>
                </c:pt>
                <c:pt idx="145">
                  <c:v>5.35</c:v>
                </c:pt>
                <c:pt idx="146">
                  <c:v>5.38</c:v>
                </c:pt>
                <c:pt idx="147">
                  <c:v>5.41</c:v>
                </c:pt>
                <c:pt idx="148">
                  <c:v>5.44</c:v>
                </c:pt>
                <c:pt idx="149">
                  <c:v>5.47</c:v>
                </c:pt>
                <c:pt idx="150">
                  <c:v>5.5</c:v>
                </c:pt>
                <c:pt idx="151">
                  <c:v>5.53</c:v>
                </c:pt>
                <c:pt idx="152">
                  <c:v>5.56</c:v>
                </c:pt>
                <c:pt idx="153">
                  <c:v>5.59</c:v>
                </c:pt>
                <c:pt idx="154">
                  <c:v>5.62</c:v>
                </c:pt>
                <c:pt idx="155">
                  <c:v>5.65</c:v>
                </c:pt>
                <c:pt idx="156">
                  <c:v>5.68</c:v>
                </c:pt>
                <c:pt idx="157">
                  <c:v>5.71</c:v>
                </c:pt>
                <c:pt idx="158">
                  <c:v>5.74</c:v>
                </c:pt>
                <c:pt idx="159">
                  <c:v>5.77</c:v>
                </c:pt>
                <c:pt idx="160">
                  <c:v>5.8</c:v>
                </c:pt>
                <c:pt idx="161">
                  <c:v>5.83</c:v>
                </c:pt>
                <c:pt idx="162">
                  <c:v>5.86</c:v>
                </c:pt>
                <c:pt idx="163">
                  <c:v>5.89</c:v>
                </c:pt>
                <c:pt idx="164">
                  <c:v>5.92</c:v>
                </c:pt>
                <c:pt idx="165">
                  <c:v>5.95</c:v>
                </c:pt>
                <c:pt idx="166">
                  <c:v>5.98</c:v>
                </c:pt>
                <c:pt idx="167">
                  <c:v>6.01</c:v>
                </c:pt>
                <c:pt idx="168">
                  <c:v>6.04</c:v>
                </c:pt>
                <c:pt idx="169">
                  <c:v>6.07</c:v>
                </c:pt>
                <c:pt idx="170">
                  <c:v>6.1</c:v>
                </c:pt>
                <c:pt idx="171">
                  <c:v>6.13</c:v>
                </c:pt>
                <c:pt idx="172">
                  <c:v>6.16</c:v>
                </c:pt>
                <c:pt idx="173">
                  <c:v>6.19</c:v>
                </c:pt>
                <c:pt idx="174">
                  <c:v>6.22</c:v>
                </c:pt>
                <c:pt idx="175">
                  <c:v>6.25</c:v>
                </c:pt>
                <c:pt idx="176">
                  <c:v>6.28</c:v>
                </c:pt>
                <c:pt idx="177">
                  <c:v>6.31</c:v>
                </c:pt>
                <c:pt idx="178">
                  <c:v>6.3400000000000096</c:v>
                </c:pt>
                <c:pt idx="179">
                  <c:v>6.37</c:v>
                </c:pt>
                <c:pt idx="180">
                  <c:v>6.4</c:v>
                </c:pt>
                <c:pt idx="181">
                  <c:v>6.4300000000000104</c:v>
                </c:pt>
                <c:pt idx="182">
                  <c:v>6.46</c:v>
                </c:pt>
                <c:pt idx="183">
                  <c:v>6.49</c:v>
                </c:pt>
                <c:pt idx="184">
                  <c:v>6.52</c:v>
                </c:pt>
                <c:pt idx="185">
                  <c:v>6.5500000000000096</c:v>
                </c:pt>
                <c:pt idx="186">
                  <c:v>6.5800000000000098</c:v>
                </c:pt>
                <c:pt idx="187">
                  <c:v>6.61</c:v>
                </c:pt>
                <c:pt idx="188">
                  <c:v>6.6400000000000103</c:v>
                </c:pt>
                <c:pt idx="189">
                  <c:v>6.6700000000000097</c:v>
                </c:pt>
                <c:pt idx="190">
                  <c:v>6.7</c:v>
                </c:pt>
                <c:pt idx="191">
                  <c:v>6.73</c:v>
                </c:pt>
                <c:pt idx="192">
                  <c:v>6.7600000000000096</c:v>
                </c:pt>
                <c:pt idx="193">
                  <c:v>6.7900000000000098</c:v>
                </c:pt>
                <c:pt idx="194">
                  <c:v>6.8200000000000101</c:v>
                </c:pt>
                <c:pt idx="195">
                  <c:v>6.85</c:v>
                </c:pt>
                <c:pt idx="196">
                  <c:v>6.8800000000000097</c:v>
                </c:pt>
                <c:pt idx="197">
                  <c:v>6.9100000000000099</c:v>
                </c:pt>
                <c:pt idx="198">
                  <c:v>6.94</c:v>
                </c:pt>
                <c:pt idx="199">
                  <c:v>6.9700000000000104</c:v>
                </c:pt>
                <c:pt idx="200">
                  <c:v>7.0000000000000098</c:v>
                </c:pt>
                <c:pt idx="201">
                  <c:v>7.03000000000001</c:v>
                </c:pt>
                <c:pt idx="202">
                  <c:v>7.0600000000000103</c:v>
                </c:pt>
                <c:pt idx="203">
                  <c:v>7.0900000000000096</c:v>
                </c:pt>
                <c:pt idx="204">
                  <c:v>7.1200000000000099</c:v>
                </c:pt>
                <c:pt idx="205">
                  <c:v>7.1500000000000101</c:v>
                </c:pt>
                <c:pt idx="206">
                  <c:v>7.1800000000000104</c:v>
                </c:pt>
                <c:pt idx="207">
                  <c:v>7.2100000000000097</c:v>
                </c:pt>
                <c:pt idx="208">
                  <c:v>7.24000000000001</c:v>
                </c:pt>
                <c:pt idx="209">
                  <c:v>7.2700000000000102</c:v>
                </c:pt>
                <c:pt idx="210">
                  <c:v>7.3000000000000096</c:v>
                </c:pt>
                <c:pt idx="211">
                  <c:v>7.3300000000000098</c:v>
                </c:pt>
                <c:pt idx="212">
                  <c:v>7.3600000000000101</c:v>
                </c:pt>
                <c:pt idx="213">
                  <c:v>7.3900000000000103</c:v>
                </c:pt>
                <c:pt idx="214">
                  <c:v>7.4200000000000097</c:v>
                </c:pt>
                <c:pt idx="215">
                  <c:v>7.4500000000000099</c:v>
                </c:pt>
                <c:pt idx="216">
                  <c:v>7.4800000000000102</c:v>
                </c:pt>
                <c:pt idx="217">
                  <c:v>7.5100000000000096</c:v>
                </c:pt>
                <c:pt idx="218">
                  <c:v>7.5400000000000098</c:v>
                </c:pt>
                <c:pt idx="219">
                  <c:v>7.5700000000000101</c:v>
                </c:pt>
                <c:pt idx="220">
                  <c:v>7.6000000000000103</c:v>
                </c:pt>
                <c:pt idx="221">
                  <c:v>7.6300000000000097</c:v>
                </c:pt>
                <c:pt idx="222">
                  <c:v>7.6600000000000099</c:v>
                </c:pt>
                <c:pt idx="223">
                  <c:v>7.6900000000000102</c:v>
                </c:pt>
                <c:pt idx="224">
                  <c:v>7.7200000000000104</c:v>
                </c:pt>
                <c:pt idx="225">
                  <c:v>7.7500000000000098</c:v>
                </c:pt>
                <c:pt idx="226">
                  <c:v>7.78000000000001</c:v>
                </c:pt>
                <c:pt idx="227">
                  <c:v>7.8100000000000103</c:v>
                </c:pt>
                <c:pt idx="228">
                  <c:v>7.8400000000000096</c:v>
                </c:pt>
                <c:pt idx="229">
                  <c:v>7.8700000000000099</c:v>
                </c:pt>
                <c:pt idx="230">
                  <c:v>7.9000000000000101</c:v>
                </c:pt>
                <c:pt idx="231">
                  <c:v>7.9300000000000104</c:v>
                </c:pt>
                <c:pt idx="232">
                  <c:v>7.9600000000000097</c:v>
                </c:pt>
                <c:pt idx="233">
                  <c:v>7.99000000000001</c:v>
                </c:pt>
                <c:pt idx="234">
                  <c:v>8.0200000000000102</c:v>
                </c:pt>
                <c:pt idx="235">
                  <c:v>8.0500000000000096</c:v>
                </c:pt>
                <c:pt idx="236">
                  <c:v>8.0800000000000107</c:v>
                </c:pt>
                <c:pt idx="237">
                  <c:v>8.1100000000000101</c:v>
                </c:pt>
                <c:pt idx="238">
                  <c:v>8.1400000000000095</c:v>
                </c:pt>
                <c:pt idx="239">
                  <c:v>8.1700000000000106</c:v>
                </c:pt>
                <c:pt idx="240">
                  <c:v>8.2000000000000099</c:v>
                </c:pt>
                <c:pt idx="241">
                  <c:v>8.2300000000000093</c:v>
                </c:pt>
                <c:pt idx="242">
                  <c:v>8.2600000000000104</c:v>
                </c:pt>
                <c:pt idx="243">
                  <c:v>8.2900000000000098</c:v>
                </c:pt>
                <c:pt idx="244">
                  <c:v>8.3200000000000092</c:v>
                </c:pt>
                <c:pt idx="245">
                  <c:v>8.3500000000000103</c:v>
                </c:pt>
                <c:pt idx="246">
                  <c:v>8.3800000000000097</c:v>
                </c:pt>
                <c:pt idx="247">
                  <c:v>8.4100000000000108</c:v>
                </c:pt>
                <c:pt idx="248">
                  <c:v>8.4400000000000102</c:v>
                </c:pt>
                <c:pt idx="249">
                  <c:v>8.4700000000000095</c:v>
                </c:pt>
                <c:pt idx="250">
                  <c:v>8.5000000000000107</c:v>
                </c:pt>
                <c:pt idx="251">
                  <c:v>8.53000000000001</c:v>
                </c:pt>
                <c:pt idx="252">
                  <c:v>8.5600000000000094</c:v>
                </c:pt>
                <c:pt idx="253">
                  <c:v>8.5900000000000105</c:v>
                </c:pt>
                <c:pt idx="254">
                  <c:v>8.6200000000000099</c:v>
                </c:pt>
                <c:pt idx="255">
                  <c:v>8.6500000000000092</c:v>
                </c:pt>
                <c:pt idx="256">
                  <c:v>8.6800000000000104</c:v>
                </c:pt>
                <c:pt idx="257">
                  <c:v>8.7100000000000097</c:v>
                </c:pt>
                <c:pt idx="258">
                  <c:v>8.7400000000000109</c:v>
                </c:pt>
                <c:pt idx="259">
                  <c:v>8.7700000000000102</c:v>
                </c:pt>
                <c:pt idx="260">
                  <c:v>8.8000000000000096</c:v>
                </c:pt>
                <c:pt idx="261">
                  <c:v>8.8300000000000107</c:v>
                </c:pt>
                <c:pt idx="262">
                  <c:v>8.8600000000000101</c:v>
                </c:pt>
                <c:pt idx="263">
                  <c:v>8.8900000000000095</c:v>
                </c:pt>
                <c:pt idx="264">
                  <c:v>8.9200000000000106</c:v>
                </c:pt>
                <c:pt idx="265">
                  <c:v>8.9500000000000099</c:v>
                </c:pt>
                <c:pt idx="266">
                  <c:v>8.9800000000000093</c:v>
                </c:pt>
                <c:pt idx="267">
                  <c:v>9.0100000000000104</c:v>
                </c:pt>
                <c:pt idx="268">
                  <c:v>9.0400000000000098</c:v>
                </c:pt>
                <c:pt idx="269">
                  <c:v>9.0700000000000092</c:v>
                </c:pt>
                <c:pt idx="270">
                  <c:v>9.1000000000000103</c:v>
                </c:pt>
                <c:pt idx="271">
                  <c:v>9.1300000000000097</c:v>
                </c:pt>
                <c:pt idx="272">
                  <c:v>9.1600000000000108</c:v>
                </c:pt>
                <c:pt idx="273">
                  <c:v>9.1900000000000102</c:v>
                </c:pt>
                <c:pt idx="274">
                  <c:v>9.2200000000000095</c:v>
                </c:pt>
                <c:pt idx="275">
                  <c:v>9.2500000000000107</c:v>
                </c:pt>
                <c:pt idx="276">
                  <c:v>9.28000000000001</c:v>
                </c:pt>
                <c:pt idx="277">
                  <c:v>9.3100000000000094</c:v>
                </c:pt>
                <c:pt idx="278">
                  <c:v>9.3400000000000105</c:v>
                </c:pt>
                <c:pt idx="279">
                  <c:v>9.3700000000000099</c:v>
                </c:pt>
                <c:pt idx="280">
                  <c:v>9.4000000000000092</c:v>
                </c:pt>
                <c:pt idx="281">
                  <c:v>9.4300000000000104</c:v>
                </c:pt>
                <c:pt idx="282">
                  <c:v>9.4600000000000097</c:v>
                </c:pt>
                <c:pt idx="283">
                  <c:v>9.4900000000000109</c:v>
                </c:pt>
                <c:pt idx="284">
                  <c:v>9.5200000000000102</c:v>
                </c:pt>
                <c:pt idx="285">
                  <c:v>9.5500000000000096</c:v>
                </c:pt>
                <c:pt idx="286">
                  <c:v>9.5800000000000107</c:v>
                </c:pt>
                <c:pt idx="287">
                  <c:v>9.6100000000000101</c:v>
                </c:pt>
                <c:pt idx="288">
                  <c:v>9.6400000000000095</c:v>
                </c:pt>
                <c:pt idx="289">
                  <c:v>9.6700000000000106</c:v>
                </c:pt>
                <c:pt idx="290">
                  <c:v>9.7000000000000099</c:v>
                </c:pt>
                <c:pt idx="291">
                  <c:v>9.7300000000000093</c:v>
                </c:pt>
                <c:pt idx="292">
                  <c:v>9.7600000000000104</c:v>
                </c:pt>
                <c:pt idx="293">
                  <c:v>9.7900000000000098</c:v>
                </c:pt>
                <c:pt idx="294">
                  <c:v>9.8200000000000092</c:v>
                </c:pt>
                <c:pt idx="295">
                  <c:v>9.8500000000000103</c:v>
                </c:pt>
                <c:pt idx="296">
                  <c:v>9.8800000000000097</c:v>
                </c:pt>
                <c:pt idx="297">
                  <c:v>9.9100000000000108</c:v>
                </c:pt>
                <c:pt idx="298">
                  <c:v>9.9400000000000102</c:v>
                </c:pt>
                <c:pt idx="299">
                  <c:v>9.9700000000000095</c:v>
                </c:pt>
                <c:pt idx="300">
                  <c:v>10</c:v>
                </c:pt>
                <c:pt idx="301">
                  <c:v>10.029999999999999</c:v>
                </c:pt>
                <c:pt idx="302">
                  <c:v>10.06</c:v>
                </c:pt>
                <c:pt idx="303">
                  <c:v>10.09</c:v>
                </c:pt>
                <c:pt idx="304">
                  <c:v>10.119999999999999</c:v>
                </c:pt>
                <c:pt idx="305">
                  <c:v>10.15</c:v>
                </c:pt>
                <c:pt idx="306">
                  <c:v>10.18</c:v>
                </c:pt>
                <c:pt idx="307">
                  <c:v>10.210000000000001</c:v>
                </c:pt>
                <c:pt idx="308">
                  <c:v>10.24</c:v>
                </c:pt>
                <c:pt idx="309">
                  <c:v>10.27</c:v>
                </c:pt>
                <c:pt idx="310">
                  <c:v>10.3</c:v>
                </c:pt>
                <c:pt idx="311">
                  <c:v>10.33</c:v>
                </c:pt>
                <c:pt idx="312">
                  <c:v>10.36</c:v>
                </c:pt>
                <c:pt idx="313">
                  <c:v>10.39</c:v>
                </c:pt>
                <c:pt idx="314">
                  <c:v>10.42</c:v>
                </c:pt>
                <c:pt idx="315">
                  <c:v>10.45</c:v>
                </c:pt>
                <c:pt idx="316">
                  <c:v>10.48</c:v>
                </c:pt>
                <c:pt idx="317">
                  <c:v>10.51</c:v>
                </c:pt>
                <c:pt idx="318">
                  <c:v>10.54</c:v>
                </c:pt>
                <c:pt idx="319">
                  <c:v>10.57</c:v>
                </c:pt>
                <c:pt idx="320">
                  <c:v>10.6</c:v>
                </c:pt>
                <c:pt idx="321">
                  <c:v>10.63</c:v>
                </c:pt>
                <c:pt idx="322">
                  <c:v>10.66</c:v>
                </c:pt>
                <c:pt idx="323">
                  <c:v>10.69</c:v>
                </c:pt>
                <c:pt idx="324">
                  <c:v>10.72</c:v>
                </c:pt>
                <c:pt idx="325">
                  <c:v>10.75</c:v>
                </c:pt>
                <c:pt idx="326">
                  <c:v>10.78</c:v>
                </c:pt>
                <c:pt idx="327">
                  <c:v>10.81</c:v>
                </c:pt>
                <c:pt idx="328">
                  <c:v>10.84</c:v>
                </c:pt>
                <c:pt idx="329">
                  <c:v>10.87</c:v>
                </c:pt>
                <c:pt idx="330">
                  <c:v>10.9</c:v>
                </c:pt>
                <c:pt idx="331">
                  <c:v>10.93</c:v>
                </c:pt>
                <c:pt idx="332">
                  <c:v>10.96</c:v>
                </c:pt>
                <c:pt idx="333">
                  <c:v>10.99</c:v>
                </c:pt>
                <c:pt idx="334">
                  <c:v>11.02</c:v>
                </c:pt>
                <c:pt idx="335">
                  <c:v>11.05</c:v>
                </c:pt>
                <c:pt idx="336">
                  <c:v>11.08</c:v>
                </c:pt>
                <c:pt idx="337">
                  <c:v>11.11</c:v>
                </c:pt>
                <c:pt idx="338">
                  <c:v>11.14</c:v>
                </c:pt>
                <c:pt idx="339">
                  <c:v>11.17</c:v>
                </c:pt>
                <c:pt idx="340">
                  <c:v>11.2</c:v>
                </c:pt>
                <c:pt idx="341">
                  <c:v>11.23</c:v>
                </c:pt>
                <c:pt idx="342">
                  <c:v>11.26</c:v>
                </c:pt>
                <c:pt idx="343">
                  <c:v>11.29</c:v>
                </c:pt>
                <c:pt idx="344">
                  <c:v>11.32</c:v>
                </c:pt>
                <c:pt idx="345">
                  <c:v>11.35</c:v>
                </c:pt>
                <c:pt idx="346">
                  <c:v>11.38</c:v>
                </c:pt>
                <c:pt idx="347">
                  <c:v>11.41</c:v>
                </c:pt>
                <c:pt idx="348">
                  <c:v>11.44</c:v>
                </c:pt>
                <c:pt idx="349">
                  <c:v>11.47</c:v>
                </c:pt>
                <c:pt idx="350">
                  <c:v>11.5</c:v>
                </c:pt>
                <c:pt idx="351">
                  <c:v>11.53</c:v>
                </c:pt>
                <c:pt idx="352">
                  <c:v>11.56</c:v>
                </c:pt>
                <c:pt idx="353">
                  <c:v>11.59</c:v>
                </c:pt>
                <c:pt idx="354">
                  <c:v>11.62</c:v>
                </c:pt>
                <c:pt idx="355">
                  <c:v>11.65</c:v>
                </c:pt>
                <c:pt idx="356">
                  <c:v>11.68</c:v>
                </c:pt>
                <c:pt idx="357">
                  <c:v>11.71</c:v>
                </c:pt>
                <c:pt idx="358">
                  <c:v>11.74</c:v>
                </c:pt>
                <c:pt idx="359">
                  <c:v>11.77</c:v>
                </c:pt>
                <c:pt idx="360">
                  <c:v>11.8</c:v>
                </c:pt>
                <c:pt idx="361">
                  <c:v>11.83</c:v>
                </c:pt>
                <c:pt idx="362">
                  <c:v>11.86</c:v>
                </c:pt>
                <c:pt idx="363">
                  <c:v>11.89</c:v>
                </c:pt>
                <c:pt idx="364">
                  <c:v>11.92</c:v>
                </c:pt>
                <c:pt idx="365">
                  <c:v>11.95</c:v>
                </c:pt>
                <c:pt idx="366">
                  <c:v>11.98</c:v>
                </c:pt>
                <c:pt idx="367">
                  <c:v>12.01</c:v>
                </c:pt>
                <c:pt idx="368">
                  <c:v>12.04</c:v>
                </c:pt>
                <c:pt idx="369">
                  <c:v>12.07</c:v>
                </c:pt>
                <c:pt idx="370">
                  <c:v>12.1</c:v>
                </c:pt>
                <c:pt idx="371">
                  <c:v>12.13</c:v>
                </c:pt>
                <c:pt idx="372">
                  <c:v>12.16</c:v>
                </c:pt>
                <c:pt idx="373">
                  <c:v>12.19</c:v>
                </c:pt>
                <c:pt idx="374">
                  <c:v>12.22</c:v>
                </c:pt>
                <c:pt idx="375">
                  <c:v>12.25</c:v>
                </c:pt>
                <c:pt idx="376">
                  <c:v>12.28</c:v>
                </c:pt>
                <c:pt idx="377">
                  <c:v>12.31</c:v>
                </c:pt>
                <c:pt idx="378">
                  <c:v>12.34</c:v>
                </c:pt>
                <c:pt idx="379">
                  <c:v>12.37</c:v>
                </c:pt>
                <c:pt idx="380">
                  <c:v>12.4</c:v>
                </c:pt>
                <c:pt idx="381">
                  <c:v>12.43</c:v>
                </c:pt>
                <c:pt idx="382">
                  <c:v>12.46</c:v>
                </c:pt>
                <c:pt idx="383">
                  <c:v>12.49</c:v>
                </c:pt>
                <c:pt idx="384">
                  <c:v>12.52</c:v>
                </c:pt>
                <c:pt idx="385">
                  <c:v>12.55</c:v>
                </c:pt>
                <c:pt idx="386">
                  <c:v>12.58</c:v>
                </c:pt>
                <c:pt idx="387">
                  <c:v>12.61</c:v>
                </c:pt>
                <c:pt idx="388">
                  <c:v>12.64</c:v>
                </c:pt>
                <c:pt idx="389">
                  <c:v>12.67</c:v>
                </c:pt>
                <c:pt idx="390">
                  <c:v>12.7</c:v>
                </c:pt>
                <c:pt idx="391">
                  <c:v>12.73</c:v>
                </c:pt>
                <c:pt idx="392">
                  <c:v>12.76</c:v>
                </c:pt>
                <c:pt idx="393">
                  <c:v>12.79</c:v>
                </c:pt>
                <c:pt idx="394">
                  <c:v>12.82</c:v>
                </c:pt>
                <c:pt idx="395">
                  <c:v>12.85</c:v>
                </c:pt>
                <c:pt idx="396">
                  <c:v>12.88</c:v>
                </c:pt>
                <c:pt idx="397">
                  <c:v>12.91</c:v>
                </c:pt>
                <c:pt idx="398">
                  <c:v>12.94</c:v>
                </c:pt>
                <c:pt idx="399">
                  <c:v>12.97</c:v>
                </c:pt>
                <c:pt idx="400">
                  <c:v>13</c:v>
                </c:pt>
                <c:pt idx="401">
                  <c:v>13.03</c:v>
                </c:pt>
                <c:pt idx="402">
                  <c:v>13.06</c:v>
                </c:pt>
                <c:pt idx="403">
                  <c:v>13.09</c:v>
                </c:pt>
                <c:pt idx="404">
                  <c:v>13.12</c:v>
                </c:pt>
                <c:pt idx="405">
                  <c:v>13.15</c:v>
                </c:pt>
                <c:pt idx="406">
                  <c:v>13.18</c:v>
                </c:pt>
                <c:pt idx="407">
                  <c:v>13.21</c:v>
                </c:pt>
                <c:pt idx="408">
                  <c:v>13.24</c:v>
                </c:pt>
                <c:pt idx="409">
                  <c:v>13.27</c:v>
                </c:pt>
                <c:pt idx="410">
                  <c:v>13.3</c:v>
                </c:pt>
                <c:pt idx="411">
                  <c:v>13.33</c:v>
                </c:pt>
                <c:pt idx="412">
                  <c:v>13.36</c:v>
                </c:pt>
                <c:pt idx="413">
                  <c:v>13.39</c:v>
                </c:pt>
                <c:pt idx="414">
                  <c:v>13.42</c:v>
                </c:pt>
                <c:pt idx="415">
                  <c:v>13.45</c:v>
                </c:pt>
                <c:pt idx="416">
                  <c:v>13.48</c:v>
                </c:pt>
                <c:pt idx="417">
                  <c:v>13.51</c:v>
                </c:pt>
                <c:pt idx="418">
                  <c:v>13.54</c:v>
                </c:pt>
                <c:pt idx="419">
                  <c:v>13.57</c:v>
                </c:pt>
              </c:numCache>
            </c:numRef>
          </c:xVal>
          <c:yVal>
            <c:numRef>
              <c:f>'Ark1'!$E$2:$E$421</c:f>
              <c:numCache>
                <c:formatCode>General</c:formatCode>
                <c:ptCount val="420"/>
                <c:pt idx="0">
                  <c:v>0.8414709848078965</c:v>
                </c:pt>
                <c:pt idx="1">
                  <c:v>0.85729898918860337</c:v>
                </c:pt>
                <c:pt idx="2">
                  <c:v>0.87235548234498628</c:v>
                </c:pt>
                <c:pt idx="3">
                  <c:v>0.88662691444948727</c:v>
                </c:pt>
                <c:pt idx="4">
                  <c:v>0.90010044217650509</c:v>
                </c:pt>
                <c:pt idx="5">
                  <c:v>0.91276394026052099</c:v>
                </c:pt>
                <c:pt idx="6">
                  <c:v>0.92460601240802032</c:v>
                </c:pt>
                <c:pt idx="7">
                  <c:v>0.93561600155338587</c:v>
                </c:pt>
                <c:pt idx="8">
                  <c:v>0.94578399944953895</c:v>
                </c:pt>
                <c:pt idx="9">
                  <c:v>0.95510085558469227</c:v>
                </c:pt>
                <c:pt idx="10">
                  <c:v>0.96355818541719296</c:v>
                </c:pt>
                <c:pt idx="11">
                  <c:v>0.97114837792104458</c:v>
                </c:pt>
                <c:pt idx="12">
                  <c:v>0.97786460243531625</c:v>
                </c:pt>
                <c:pt idx="13">
                  <c:v>0.98370081481127658</c:v>
                </c:pt>
                <c:pt idx="14">
                  <c:v>0.98865176285171974</c:v>
                </c:pt>
                <c:pt idx="15">
                  <c:v>0.99271299103758848</c:v>
                </c:pt>
                <c:pt idx="16">
                  <c:v>0.99588084453764003</c:v>
                </c:pt>
                <c:pt idx="17">
                  <c:v>0.99815247249754813</c:v>
                </c:pt>
                <c:pt idx="18">
                  <c:v>0.99952583060547906</c:v>
                </c:pt>
                <c:pt idx="19">
                  <c:v>0.99999968293183461</c:v>
                </c:pt>
                <c:pt idx="20">
                  <c:v>0.99957360304150511</c:v>
                </c:pt>
                <c:pt idx="21">
                  <c:v>0.99824797437763246</c:v>
                </c:pt>
                <c:pt idx="22">
                  <c:v>0.99602398991653673</c:v>
                </c:pt>
                <c:pt idx="23">
                  <c:v>0.99290365109411849</c:v>
                </c:pt>
                <c:pt idx="24">
                  <c:v>0.98888976600470146</c:v>
                </c:pt>
                <c:pt idx="25">
                  <c:v>0.98398594687393692</c:v>
                </c:pt>
                <c:pt idx="26">
                  <c:v>0.97819660680804466</c:v>
                </c:pt>
                <c:pt idx="27">
                  <c:v>0.9715269558223153</c:v>
                </c:pt>
                <c:pt idx="28">
                  <c:v>0.96398299615244809</c:v>
                </c:pt>
                <c:pt idx="29">
                  <c:v>0.95557151685294395</c:v>
                </c:pt>
                <c:pt idx="30">
                  <c:v>0.94630008768741447</c:v>
                </c:pt>
                <c:pt idx="31">
                  <c:v>0.9361770523163061</c:v>
                </c:pt>
                <c:pt idx="32">
                  <c:v>0.92521152078816826</c:v>
                </c:pt>
                <c:pt idx="33">
                  <c:v>0.91341336134122519</c:v>
                </c:pt>
                <c:pt idx="34">
                  <c:v>0.90079319152262727</c:v>
                </c:pt>
                <c:pt idx="35">
                  <c:v>0.88736236863337548</c:v>
                </c:pt>
                <c:pt idx="36">
                  <c:v>0.87313297950751645</c:v>
                </c:pt>
                <c:pt idx="37">
                  <c:v>0.85811782963480887</c:v>
                </c:pt>
                <c:pt idx="38">
                  <c:v>0.84233043163664567</c:v>
                </c:pt>
                <c:pt idx="39">
                  <c:v>0.82578499310560805</c:v>
                </c:pt>
                <c:pt idx="40">
                  <c:v>0.80849640381959009</c:v>
                </c:pt>
                <c:pt idx="41">
                  <c:v>0.79048022234200477</c:v>
                </c:pt>
                <c:pt idx="42">
                  <c:v>0.77175266202012593</c:v>
                </c:pt>
                <c:pt idx="43">
                  <c:v>0.75233057639417067</c:v>
                </c:pt>
                <c:pt idx="44">
                  <c:v>0.73223144403025142</c:v>
                </c:pt>
                <c:pt idx="45">
                  <c:v>0.71147335279084434</c:v>
                </c:pt>
                <c:pt idx="46">
                  <c:v>0.69007498355693642</c:v>
                </c:pt>
                <c:pt idx="47">
                  <c:v>0.66805559341649101</c:v>
                </c:pt>
                <c:pt idx="48">
                  <c:v>0.64543499833437068</c:v>
                </c:pt>
                <c:pt idx="49">
                  <c:v>0.62223355531930469</c:v>
                </c:pt>
                <c:pt idx="50">
                  <c:v>0.59847214410395655</c:v>
                </c:pt>
                <c:pt idx="51">
                  <c:v>0.57417214835457264</c:v>
                </c:pt>
                <c:pt idx="52">
                  <c:v>0.54935543642712659</c:v>
                </c:pt>
                <c:pt idx="53">
                  <c:v>0.52404434168727609</c:v>
                </c:pt>
                <c:pt idx="54">
                  <c:v>0.49826164241183857</c:v>
                </c:pt>
                <c:pt idx="55">
                  <c:v>0.47203054128988264</c:v>
                </c:pt>
                <c:pt idx="56">
                  <c:v>0.44537464454187115</c:v>
                </c:pt>
                <c:pt idx="57">
                  <c:v>0.41831794067565897</c:v>
                </c:pt>
                <c:pt idx="58">
                  <c:v>0.39088477889845219</c:v>
                </c:pt>
                <c:pt idx="59">
                  <c:v>0.36309984720416832</c:v>
                </c:pt>
                <c:pt idx="60">
                  <c:v>0.33498815015590511</c:v>
                </c:pt>
                <c:pt idx="61">
                  <c:v>0.30657498638352293</c:v>
                </c:pt>
                <c:pt idx="62">
                  <c:v>0.27788592581658678</c:v>
                </c:pt>
                <c:pt idx="63">
                  <c:v>0.24894678667315256</c:v>
                </c:pt>
                <c:pt idx="64">
                  <c:v>0.21978361222511694</c:v>
                </c:pt>
                <c:pt idx="65">
                  <c:v>0.19042264736102704</c:v>
                </c:pt>
                <c:pt idx="66">
                  <c:v>0.16089031496745576</c:v>
                </c:pt>
                <c:pt idx="67">
                  <c:v>0.13121319215018423</c:v>
                </c:pt>
                <c:pt idx="68">
                  <c:v>0.10141798631660186</c:v>
                </c:pt>
                <c:pt idx="69">
                  <c:v>7.1531511140843704E-2</c:v>
                </c:pt>
                <c:pt idx="70">
                  <c:v>4.1580662433290491E-2</c:v>
                </c:pt>
                <c:pt idx="71">
                  <c:v>1.1592393936158275E-2</c:v>
                </c:pt>
                <c:pt idx="72">
                  <c:v>-1.8406306933053809E-2</c:v>
                </c:pt>
                <c:pt idx="73">
                  <c:v>-4.838844336841415E-2</c:v>
                </c:pt>
                <c:pt idx="74">
                  <c:v>-7.8327033470865295E-2</c:v>
                </c:pt>
                <c:pt idx="75">
                  <c:v>-0.10819513453010837</c:v>
                </c:pt>
                <c:pt idx="76">
                  <c:v>-0.13796586727122684</c:v>
                </c:pt>
                <c:pt idx="77">
                  <c:v>-0.16761244004421832</c:v>
                </c:pt>
                <c:pt idx="78">
                  <c:v>-0.19710817293466984</c:v>
                </c:pt>
                <c:pt idx="79">
                  <c:v>-0.22642652177388314</c:v>
                </c:pt>
                <c:pt idx="80">
                  <c:v>-0.25554110202683122</c:v>
                </c:pt>
                <c:pt idx="81">
                  <c:v>-0.28442571253646254</c:v>
                </c:pt>
                <c:pt idx="82">
                  <c:v>-0.31305435910297019</c:v>
                </c:pt>
                <c:pt idx="83">
                  <c:v>-0.34140127787682095</c:v>
                </c:pt>
                <c:pt idx="84">
                  <c:v>-0.36944095854447712</c:v>
                </c:pt>
                <c:pt idx="85">
                  <c:v>-0.39714816728595981</c:v>
                </c:pt>
                <c:pt idx="86">
                  <c:v>-0.42449796948358259</c:v>
                </c:pt>
                <c:pt idx="87">
                  <c:v>-0.45146575216142315</c:v>
                </c:pt>
                <c:pt idx="88">
                  <c:v>-0.47802724613534286</c:v>
                </c:pt>
                <c:pt idx="89">
                  <c:v>-0.50415854785361147</c:v>
                </c:pt>
                <c:pt idx="90">
                  <c:v>-0.5298361409084934</c:v>
                </c:pt>
                <c:pt idx="91">
                  <c:v>-0.55503691719942383</c:v>
                </c:pt>
                <c:pt idx="92">
                  <c:v>-0.5797381977287428</c:v>
                </c:pt>
                <c:pt idx="93">
                  <c:v>-0.60391775301126061</c:v>
                </c:pt>
                <c:pt idx="94">
                  <c:v>-0.6275538230792933</c:v>
                </c:pt>
                <c:pt idx="95">
                  <c:v>-0.65062513706516734</c:v>
                </c:pt>
                <c:pt idx="96">
                  <c:v>-0.67311093234356167</c:v>
                </c:pt>
                <c:pt idx="97">
                  <c:v>-0.69499097321647196</c:v>
                </c:pt>
                <c:pt idx="98">
                  <c:v>-0.71624556912397053</c:v>
                </c:pt>
                <c:pt idx="99">
                  <c:v>-0.73685559236438336</c:v>
                </c:pt>
                <c:pt idx="100">
                  <c:v>-0.7568024953079282</c:v>
                </c:pt>
                <c:pt idx="101">
                  <c:v>-0.77606832708833229</c:v>
                </c:pt>
                <c:pt idx="102">
                  <c:v>-0.79463574975739681</c:v>
                </c:pt>
                <c:pt idx="103">
                  <c:v>-0.81248805388798429</c:v>
                </c:pt>
                <c:pt idx="104">
                  <c:v>-0.82960917361137088</c:v>
                </c:pt>
                <c:pt idx="105">
                  <c:v>-0.84598370107544651</c:v>
                </c:pt>
                <c:pt idx="106">
                  <c:v>-0.86159690031074054</c:v>
                </c:pt>
                <c:pt idx="107">
                  <c:v>-0.87643472049180138</c:v>
                </c:pt>
                <c:pt idx="108">
                  <c:v>-0.8904838085819885</c:v>
                </c:pt>
                <c:pt idx="109">
                  <c:v>-0.90373152135030532</c:v>
                </c:pt>
                <c:pt idx="110">
                  <c:v>-0.9161659367494549</c:v>
                </c:pt>
                <c:pt idx="111">
                  <c:v>-0.92777586464487549</c:v>
                </c:pt>
                <c:pt idx="112">
                  <c:v>-0.93855085688510786</c:v>
                </c:pt>
                <c:pt idx="113">
                  <c:v>-0.94848121670442564</c:v>
                </c:pt>
                <c:pt idx="114">
                  <c:v>-0.95755800744927111</c:v>
                </c:pt>
                <c:pt idx="115">
                  <c:v>-0.96577306062063883</c:v>
                </c:pt>
                <c:pt idx="116">
                  <c:v>-0.97311898322517387</c:v>
                </c:pt>
                <c:pt idx="117">
                  <c:v>-0.97958916442836685</c:v>
                </c:pt>
                <c:pt idx="118">
                  <c:v>-0.98517778150385948</c:v>
                </c:pt>
                <c:pt idx="119">
                  <c:v>-0.98987980507350393</c:v>
                </c:pt>
                <c:pt idx="120">
                  <c:v>-0.99369100363346441</c:v>
                </c:pt>
                <c:pt idx="121">
                  <c:v>-0.99660794736228553</c:v>
                </c:pt>
                <c:pt idx="122">
                  <c:v>-0.99862801120749889</c:v>
                </c:pt>
                <c:pt idx="123">
                  <c:v>-0.99974937724799395</c:v>
                </c:pt>
                <c:pt idx="124">
                  <c:v>-0.99997103633002449</c:v>
                </c:pt>
                <c:pt idx="125">
                  <c:v>-0.99929278897537799</c:v>
                </c:pt>
                <c:pt idx="126">
                  <c:v>-0.9977152455608933</c:v>
                </c:pt>
                <c:pt idx="127">
                  <c:v>-0.9952398257691627</c:v>
                </c:pt>
                <c:pt idx="128">
                  <c:v>-0.99186875731091262</c:v>
                </c:pt>
                <c:pt idx="129">
                  <c:v>-0.98760507392021535</c:v>
                </c:pt>
                <c:pt idx="130">
                  <c:v>-0.98245261262433248</c:v>
                </c:pt>
                <c:pt idx="131">
                  <c:v>-0.97641601029064973</c:v>
                </c:pt>
                <c:pt idx="132">
                  <c:v>-0.96950069945380879</c:v>
                </c:pt>
                <c:pt idx="133">
                  <c:v>-0.96171290342679339</c:v>
                </c:pt>
                <c:pt idx="134">
                  <c:v>-0.9530596307003677</c:v>
                </c:pt>
                <c:pt idx="135">
                  <c:v>-0.94354866863590658</c:v>
                </c:pt>
                <c:pt idx="136">
                  <c:v>-0.93318857645729758</c:v>
                </c:pt>
                <c:pt idx="137">
                  <c:v>-0.92198867754821623</c:v>
                </c:pt>
                <c:pt idx="138">
                  <c:v>-0.9099590510617106</c:v>
                </c:pt>
                <c:pt idx="139">
                  <c:v>-0.89711052284964243</c:v>
                </c:pt>
                <c:pt idx="140">
                  <c:v>-0.88345465572015314</c:v>
                </c:pt>
                <c:pt idx="141">
                  <c:v>-0.86900373903191608</c:v>
                </c:pt>
                <c:pt idx="142">
                  <c:v>-0.85377077763454334</c:v>
                </c:pt>
                <c:pt idx="143">
                  <c:v>-0.83776948016509778</c:v>
                </c:pt>
                <c:pt idx="144">
                  <c:v>-0.82101424671124701</c:v>
                </c:pt>
                <c:pt idx="145">
                  <c:v>-0.80352015585215586</c:v>
                </c:pt>
                <c:pt idx="146">
                  <c:v>-0.78530295108878057</c:v>
                </c:pt>
                <c:pt idx="147">
                  <c:v>-0.76637902667578439</c:v>
                </c:pt>
                <c:pt idx="148">
                  <c:v>-0.74676541286781228</c:v>
                </c:pt>
                <c:pt idx="149">
                  <c:v>-0.72647976059341313</c:v>
                </c:pt>
                <c:pt idx="150">
                  <c:v>-0.70554032557039192</c:v>
                </c:pt>
                <c:pt idx="151">
                  <c:v>-0.68396595187690068</c:v>
                </c:pt>
                <c:pt idx="152">
                  <c:v>-0.6617760549930376</c:v>
                </c:pt>
                <c:pt idx="153">
                  <c:v>-0.63899060432822374</c:v>
                </c:pt>
                <c:pt idx="154">
                  <c:v>-0.61563010525008632</c:v>
                </c:pt>
                <c:pt idx="155">
                  <c:v>-0.59171558063100937</c:v>
                </c:pt>
                <c:pt idx="156">
                  <c:v>-0.56726855192896863</c:v>
                </c:pt>
                <c:pt idx="157">
                  <c:v>-0.54231101981966978</c:v>
                </c:pt>
                <c:pt idx="158">
                  <c:v>-0.51686544439742876</c:v>
                </c:pt>
                <c:pt idx="159">
                  <c:v>-0.49095472496260173</c:v>
                </c:pt>
                <c:pt idx="160">
                  <c:v>-0.46460217941375737</c:v>
                </c:pt>
                <c:pt idx="161">
                  <c:v>-0.43783152326314689</c:v>
                </c:pt>
                <c:pt idx="162">
                  <c:v>-0.41066684829434086</c:v>
                </c:pt>
                <c:pt idx="163">
                  <c:v>-0.38313260088125134</c:v>
                </c:pt>
                <c:pt idx="164">
                  <c:v>-0.35525355998804264</c:v>
                </c:pt>
                <c:pt idx="165">
                  <c:v>-0.32705481486974064</c:v>
                </c:pt>
                <c:pt idx="166">
                  <c:v>-0.29856174249359357</c:v>
                </c:pt>
                <c:pt idx="167">
                  <c:v>-0.26979998470151617</c:v>
                </c:pt>
                <c:pt idx="168">
                  <c:v>-0.24079542513415919</c:v>
                </c:pt>
                <c:pt idx="169">
                  <c:v>-0.21157416593738504</c:v>
                </c:pt>
                <c:pt idx="170">
                  <c:v>-0.18216250427209588</c:v>
                </c:pt>
                <c:pt idx="171">
                  <c:v>-0.15258690864856114</c:v>
                </c:pt>
                <c:pt idx="172">
                  <c:v>-0.12287399510655005</c:v>
                </c:pt>
                <c:pt idx="173">
                  <c:v>-9.3050503262688905E-2</c:v>
                </c:pt>
                <c:pt idx="174">
                  <c:v>-6.3143272246612772E-2</c:v>
                </c:pt>
                <c:pt idx="175">
                  <c:v>-3.3179216547556817E-2</c:v>
                </c:pt>
                <c:pt idx="176">
                  <c:v>-3.1853017931379904E-3</c:v>
                </c:pt>
                <c:pt idx="177">
                  <c:v>2.6811479517892353E-2</c:v>
                </c:pt>
                <c:pt idx="178">
                  <c:v>5.6784132307087808E-2</c:v>
                </c:pt>
                <c:pt idx="179">
                  <c:v>8.6705683210001327E-2</c:v>
                </c:pt>
                <c:pt idx="180">
                  <c:v>0.11654920485049364</c:v>
                </c:pt>
                <c:pt idx="181">
                  <c:v>0.14628784007346549</c:v>
                </c:pt>
                <c:pt idx="182">
                  <c:v>0.17589482611448401</c:v>
                </c:pt>
                <c:pt idx="183">
                  <c:v>0.20534351868455461</c:v>
                </c:pt>
                <c:pt idx="184">
                  <c:v>0.23460741594807993</c:v>
                </c:pt>
                <c:pt idx="185">
                  <c:v>0.26366018237278777</c:v>
                </c:pt>
                <c:pt idx="186">
                  <c:v>0.29247567242987904</c:v>
                </c:pt>
                <c:pt idx="187">
                  <c:v>0.32102795412328977</c:v>
                </c:pt>
                <c:pt idx="188">
                  <c:v>0.34929133232674486</c:v>
                </c:pt>
                <c:pt idx="189">
                  <c:v>0.37724037190755344</c:v>
                </c:pt>
                <c:pt idx="190">
                  <c:v>0.4048499206165983</c:v>
                </c:pt>
                <c:pt idx="191">
                  <c:v>0.43209513172364716</c:v>
                </c:pt>
                <c:pt idx="192">
                  <c:v>0.45895148637769895</c:v>
                </c:pt>
                <c:pt idx="193">
                  <c:v>0.48539481567229881</c:v>
                </c:pt>
                <c:pt idx="194">
                  <c:v>0.5114013223959607</c:v>
                </c:pt>
                <c:pt idx="195">
                  <c:v>0.53694760244801099</c:v>
                </c:pt>
                <c:pt idx="196">
                  <c:v>0.56201066590075111</c:v>
                </c:pt>
                <c:pt idx="197">
                  <c:v>0.58656795768875425</c:v>
                </c:pt>
                <c:pt idx="198">
                  <c:v>0.6105973779069791</c:v>
                </c:pt>
                <c:pt idx="199">
                  <c:v>0.63407730169918963</c:v>
                </c:pt>
                <c:pt idx="200">
                  <c:v>0.6569865987187965</c:v>
                </c:pt>
                <c:pt idx="201">
                  <c:v>0.67930465214482205</c:v>
                </c:pt>
                <c:pt idx="202">
                  <c:v>0.70101137723560569</c:v>
                </c:pt>
                <c:pt idx="203">
                  <c:v>0.72208723940372521</c:v>
                </c:pt>
                <c:pt idx="204">
                  <c:v>0.74251327179580828</c:v>
                </c:pt>
                <c:pt idx="205">
                  <c:v>0.76227109236141755</c:v>
                </c:pt>
                <c:pt idx="206">
                  <c:v>0.78134292039565667</c:v>
                </c:pt>
                <c:pt idx="207">
                  <c:v>0.79971159254060398</c:v>
                </c:pt>
                <c:pt idx="208">
                  <c:v>0.81736057823117847</c:v>
                </c:pt>
                <c:pt idx="209">
                  <c:v>0.83427399457152884</c:v>
                </c:pt>
                <c:pt idx="210">
                  <c:v>0.85043662062856962</c:v>
                </c:pt>
                <c:pt idx="211">
                  <c:v>0.8658339111297948</c:v>
                </c:pt>
                <c:pt idx="212">
                  <c:v>0.88045200955303904</c:v>
                </c:pt>
                <c:pt idx="213">
                  <c:v>0.89427776059641317</c:v>
                </c:pt>
                <c:pt idx="214">
                  <c:v>0.90729872201718809</c:v>
                </c:pt>
                <c:pt idx="215">
                  <c:v>0.91950317582897445</c:v>
                </c:pt>
                <c:pt idx="216">
                  <c:v>0.93088013884711718</c:v>
                </c:pt>
                <c:pt idx="217">
                  <c:v>0.94141937257282149</c:v>
                </c:pt>
                <c:pt idx="218">
                  <c:v>0.95111139240711196</c:v>
                </c:pt>
                <c:pt idx="219">
                  <c:v>0.95994747618632892</c:v>
                </c:pt>
                <c:pt idx="220">
                  <c:v>0.96791967203148899</c:v>
                </c:pt>
                <c:pt idx="221">
                  <c:v>0.97502080550443837</c:v>
                </c:pt>
                <c:pt idx="222">
                  <c:v>0.98124448606436399</c:v>
                </c:pt>
                <c:pt idx="223">
                  <c:v>0.98658511281884742</c:v>
                </c:pt>
                <c:pt idx="224">
                  <c:v>0.99103787956429124</c:v>
                </c:pt>
                <c:pt idx="225">
                  <c:v>0.99459877911117711</c:v>
                </c:pt>
                <c:pt idx="226">
                  <c:v>0.99726460689026664</c:v>
                </c:pt>
                <c:pt idx="227">
                  <c:v>0.99903296383649642</c:v>
                </c:pt>
                <c:pt idx="228">
                  <c:v>0.99990225854797532</c:v>
                </c:pt>
                <c:pt idx="229">
                  <c:v>0.9998717087181388</c:v>
                </c:pt>
                <c:pt idx="230">
                  <c:v>0.99894134183977157</c:v>
                </c:pt>
                <c:pt idx="231">
                  <c:v>0.99711199518026628</c:v>
                </c:pt>
                <c:pt idx="232">
                  <c:v>0.99438531502813943</c:v>
                </c:pt>
                <c:pt idx="233">
                  <c:v>0.99076375521148219</c:v>
                </c:pt>
                <c:pt idx="234">
                  <c:v>0.98625057488968193</c:v>
                </c:pt>
                <c:pt idx="235">
                  <c:v>0.98084983562039785</c:v>
                </c:pt>
                <c:pt idx="236">
                  <c:v>0.97456639770443265</c:v>
                </c:pt>
                <c:pt idx="237">
                  <c:v>0.96740591581179225</c:v>
                </c:pt>
                <c:pt idx="238">
                  <c:v>0.95937483389286171</c:v>
                </c:pt>
                <c:pt idx="239">
                  <c:v>0.95048037937928553</c:v>
                </c:pt>
                <c:pt idx="240">
                  <c:v>0.94073055667976957</c:v>
                </c:pt>
                <c:pt idx="241">
                  <c:v>0.9301341399766494</c:v>
                </c:pt>
                <c:pt idx="242">
                  <c:v>0.9187006653297205</c:v>
                </c:pt>
                <c:pt idx="243">
                  <c:v>0.90644042209443021</c:v>
                </c:pt>
                <c:pt idx="244">
                  <c:v>0.89336444366214796</c:v>
                </c:pt>
                <c:pt idx="245">
                  <c:v>0.87948449753085978</c:v>
                </c:pt>
                <c:pt idx="246">
                  <c:v>0.8648130747152174</c:v>
                </c:pt>
                <c:pt idx="247">
                  <c:v>0.84936337850546162</c:v>
                </c:pt>
                <c:pt idx="248">
                  <c:v>0.83314931258536007</c:v>
                </c:pt>
                <c:pt idx="249">
                  <c:v>0.81618546851982321</c:v>
                </c:pt>
                <c:pt idx="250">
                  <c:v>0.79848711262348382</c:v>
                </c:pt>
                <c:pt idx="251">
                  <c:v>0.78007017222204766</c:v>
                </c:pt>
                <c:pt idx="252">
                  <c:v>0.76095122131876858</c:v>
                </c:pt>
                <c:pt idx="253">
                  <c:v>0.74114746567896794</c:v>
                </c:pt>
                <c:pt idx="254">
                  <c:v>0.72067672734601063</c:v>
                </c:pt>
                <c:pt idx="255">
                  <c:v>0.69955742860266168</c:v>
                </c:pt>
                <c:pt idx="256">
                  <c:v>0.6778085753922789</c:v>
                </c:pt>
                <c:pt idx="257">
                  <c:v>0.65544974021475066</c:v>
                </c:pt>
                <c:pt idx="258">
                  <c:v>0.63250104451255795</c:v>
                </c:pt>
                <c:pt idx="259">
                  <c:v>0.60898314056284508</c:v>
                </c:pt>
                <c:pt idx="260">
                  <c:v>0.58491719289175448</c:v>
                </c:pt>
                <c:pt idx="261">
                  <c:v>0.56032485922778585</c:v>
                </c:pt>
                <c:pt idx="262">
                  <c:v>0.53522827101130721</c:v>
                </c:pt>
                <c:pt idx="263">
                  <c:v>0.50965001347774275</c:v>
                </c:pt>
                <c:pt idx="264">
                  <c:v>0.48361310533239066</c:v>
                </c:pt>
                <c:pt idx="265">
                  <c:v>0.45714097803514631</c:v>
                </c:pt>
                <c:pt idx="266">
                  <c:v>0.4302574547137607</c:v>
                </c:pt>
                <c:pt idx="267">
                  <c:v>0.40298672872463798</c:v>
                </c:pt>
                <c:pt idx="268">
                  <c:v>0.37535334188045288</c:v>
                </c:pt>
                <c:pt idx="269">
                  <c:v>0.34738216236416591</c:v>
                </c:pt>
                <c:pt idx="270">
                  <c:v>0.31909836234934202</c:v>
                </c:pt>
                <c:pt idx="271">
                  <c:v>0.2905273953468987</c:v>
                </c:pt>
                <c:pt idx="272">
                  <c:v>0.26169497329865232</c:v>
                </c:pt>
                <c:pt idx="273">
                  <c:v>0.23262704343831966</c:v>
                </c:pt>
                <c:pt idx="274">
                  <c:v>0.20334976494074689</c:v>
                </c:pt>
                <c:pt idx="275">
                  <c:v>0.17388948538042306</c:v>
                </c:pt>
                <c:pt idx="276">
                  <c:v>0.14427271702044672</c:v>
                </c:pt>
                <c:pt idx="277">
                  <c:v>0.11452611295326827</c:v>
                </c:pt>
                <c:pt idx="278">
                  <c:v>8.46764431147108E-2</c:v>
                </c:pt>
                <c:pt idx="279">
                  <c:v>5.4750570192840312E-2</c:v>
                </c:pt>
                <c:pt idx="280">
                  <c:v>2.4775425453348886E-2</c:v>
                </c:pt>
                <c:pt idx="281">
                  <c:v>-5.2220154967612779E-3</c:v>
                </c:pt>
                <c:pt idx="282">
                  <c:v>-3.5214756985398055E-2</c:v>
                </c:pt>
                <c:pt idx="283">
                  <c:v>-6.5175807569674532E-2</c:v>
                </c:pt>
                <c:pt idx="284">
                  <c:v>-9.5078204326371568E-2</c:v>
                </c:pt>
                <c:pt idx="285">
                  <c:v>-0.12489503711676113</c:v>
                </c:pt>
                <c:pt idx="286">
                  <c:v>-0.15459947280390945</c:v>
                </c:pt>
                <c:pt idx="287">
                  <c:v>-0.18416477940068388</c:v>
                </c:pt>
                <c:pt idx="288">
                  <c:v>-0.21356435012674738</c:v>
                </c:pt>
                <c:pt idx="289">
                  <c:v>-0.24277172735285968</c:v>
                </c:pt>
                <c:pt idx="290">
                  <c:v>-0.27176062641095272</c:v>
                </c:pt>
                <c:pt idx="291">
                  <c:v>-0.30050495924856785</c:v>
                </c:pt>
                <c:pt idx="292">
                  <c:v>-0.32897885790633719</c:v>
                </c:pt>
                <c:pt idx="293">
                  <c:v>-0.35715669779739589</c:v>
                </c:pt>
                <c:pt idx="294">
                  <c:v>-0.38501312076779082</c:v>
                </c:pt>
                <c:pt idx="295">
                  <c:v>-0.41252305791710242</c:v>
                </c:pt>
                <c:pt idx="296">
                  <c:v>-0.43966175215875802</c:v>
                </c:pt>
                <c:pt idx="297">
                  <c:v>-0.46640478049975032</c:v>
                </c:pt>
                <c:pt idx="298">
                  <c:v>-0.4927280760196695</c:v>
                </c:pt>
                <c:pt idx="299">
                  <c:v>-0.51860794952931832</c:v>
                </c:pt>
                <c:pt idx="300">
                  <c:v>-0.54402111088936977</c:v>
                </c:pt>
                <c:pt idx="301">
                  <c:v>-0.56894468996995184</c:v>
                </c:pt>
                <c:pt idx="302">
                  <c:v>-0.59335625723217678</c:v>
                </c:pt>
                <c:pt idx="303">
                  <c:v>-0.61723384391323721</c:v>
                </c:pt>
                <c:pt idx="304">
                  <c:v>-0.6405559617968104</c:v>
                </c:pt>
                <c:pt idx="305">
                  <c:v>-0.663301622550998</c:v>
                </c:pt>
                <c:pt idx="306">
                  <c:v>-0.68545035661640474</c:v>
                </c:pt>
                <c:pt idx="307">
                  <c:v>-0.70698223162736917</c:v>
                </c:pt>
                <c:pt idx="308">
                  <c:v>-0.72787787034973661</c:v>
                </c:pt>
                <c:pt idx="309">
                  <c:v>-0.74811846811907168</c:v>
                </c:pt>
                <c:pt idx="310">
                  <c:v>-0.76768580976358247</c:v>
                </c:pt>
                <c:pt idx="311">
                  <c:v>-0.78656228599654243</c:v>
                </c:pt>
                <c:pt idx="312">
                  <c:v>-0.80473090926346713</c:v>
                </c:pt>
                <c:pt idx="313">
                  <c:v>-0.82217532902976254</c:v>
                </c:pt>
                <c:pt idx="314">
                  <c:v>-0.83887984649509995</c:v>
                </c:pt>
                <c:pt idx="315">
                  <c:v>-0.85482942872128276</c:v>
                </c:pt>
                <c:pt idx="316">
                  <c:v>-0.8700097221608728</c:v>
                </c:pt>
                <c:pt idx="317">
                  <c:v>-0.88440706557441162</c:v>
                </c:pt>
                <c:pt idx="318">
                  <c:v>-0.8980085023246196</c:v>
                </c:pt>
                <c:pt idx="319">
                  <c:v>-0.91080179203649159</c:v>
                </c:pt>
                <c:pt idx="320">
                  <c:v>-0.92277542161280657</c:v>
                </c:pt>
                <c:pt idx="321">
                  <c:v>-0.93391861559514322</c:v>
                </c:pt>
                <c:pt idx="322">
                  <c:v>-0.94422134586105888</c:v>
                </c:pt>
                <c:pt idx="323">
                  <c:v>-0.95367434064872847</c:v>
                </c:pt>
                <c:pt idx="324">
                  <c:v>-0.96226909290090157</c:v>
                </c:pt>
                <c:pt idx="325">
                  <c:v>-0.96999786792067855</c:v>
                </c:pt>
                <c:pt idx="326">
                  <c:v>-0.97685371033221879</c:v>
                </c:pt>
                <c:pt idx="327">
                  <c:v>-0.98283045034010774</c:v>
                </c:pt>
                <c:pt idx="328">
                  <c:v>-0.98792270928175552</c:v>
                </c:pt>
                <c:pt idx="329">
                  <c:v>-0.99212590446783211</c:v>
                </c:pt>
                <c:pt idx="330">
                  <c:v>-0.99543625330637742</c:v>
                </c:pt>
                <c:pt idx="331">
                  <c:v>-0.99785077670687816</c:v>
                </c:pt>
                <c:pt idx="332">
                  <c:v>-0.99936730176124955</c:v>
                </c:pt>
                <c:pt idx="333">
                  <c:v>-0.99998446369930494</c:v>
                </c:pt>
                <c:pt idx="334">
                  <c:v>-0.99970170711695738</c:v>
                </c:pt>
                <c:pt idx="335">
                  <c:v>-0.99851928647604538</c:v>
                </c:pt>
                <c:pt idx="336">
                  <c:v>-0.99643826587533491</c:v>
                </c:pt>
                <c:pt idx="337">
                  <c:v>-0.99346051809290192</c:v>
                </c:pt>
                <c:pt idx="338">
                  <c:v>-0.98958872290075817</c:v>
                </c:pt>
                <c:pt idx="339">
                  <c:v>-0.98482636465323903</c:v>
                </c:pt>
                <c:pt idx="340">
                  <c:v>-0.9791777291513174</c:v>
                </c:pt>
                <c:pt idx="341">
                  <c:v>-0.97264789978567301</c:v>
                </c:pt>
                <c:pt idx="342">
                  <c:v>-0.96524275296198558</c:v>
                </c:pt>
                <c:pt idx="343">
                  <c:v>-0.95696895281256378</c:v>
                </c:pt>
                <c:pt idx="344">
                  <c:v>-0.94783394519907649</c:v>
                </c:pt>
                <c:pt idx="345">
                  <c:v>-0.93784595101178259</c:v>
                </c:pt>
                <c:pt idx="346">
                  <c:v>-0.92701395877128001</c:v>
                </c:pt>
                <c:pt idx="347">
                  <c:v>-0.91534771653944902</c:v>
                </c:pt>
                <c:pt idx="348">
                  <c:v>-0.90285772314684987</c:v>
                </c:pt>
                <c:pt idx="349">
                  <c:v>-0.88955521874448584</c:v>
                </c:pt>
                <c:pt idx="350">
                  <c:v>-0.87545217468842851</c:v>
                </c:pt>
                <c:pt idx="351">
                  <c:v>-0.86056128276640065</c:v>
                </c:pt>
                <c:pt idx="352">
                  <c:v>-0.84489594377602606</c:v>
                </c:pt>
                <c:pt idx="353">
                  <c:v>-0.8284702554650194</c:v>
                </c:pt>
                <c:pt idx="354">
                  <c:v>-0.81129899984415876</c:v>
                </c:pt>
                <c:pt idx="355">
                  <c:v>-0.79339762988447704</c:v>
                </c:pt>
                <c:pt idx="356">
                  <c:v>-0.77478225561063374</c:v>
                </c:pt>
                <c:pt idx="357">
                  <c:v>-0.75546962960297315</c:v>
                </c:pt>
                <c:pt idx="358">
                  <c:v>-0.73547713192134112</c:v>
                </c:pt>
                <c:pt idx="359">
                  <c:v>-0.71482275446419707</c:v>
                </c:pt>
                <c:pt idx="360">
                  <c:v>-0.69352508477712238</c:v>
                </c:pt>
                <c:pt idx="361">
                  <c:v>-0.67160328932528846</c:v>
                </c:pt>
                <c:pt idx="362">
                  <c:v>-0.64907709624492382</c:v>
                </c:pt>
                <c:pt idx="363">
                  <c:v>-0.62596677758932695</c:v>
                </c:pt>
                <c:pt idx="364">
                  <c:v>-0.60229313108539106</c:v>
                </c:pt>
                <c:pt idx="365">
                  <c:v>-0.57807746141704508</c:v>
                </c:pt>
                <c:pt idx="366">
                  <c:v>-0.55334156105248034</c:v>
                </c:pt>
                <c:pt idx="367">
                  <c:v>-0.52810769063240481</c:v>
                </c:pt>
                <c:pt idx="368">
                  <c:v>-0.50239855893695973</c:v>
                </c:pt>
                <c:pt idx="369">
                  <c:v>-0.47623730244935525</c:v>
                </c:pt>
                <c:pt idx="370">
                  <c:v>-0.44964746453460147</c:v>
                </c:pt>
                <c:pt idx="371">
                  <c:v>-0.42265297425205828</c:v>
                </c:pt>
                <c:pt idx="372">
                  <c:v>-0.39527812482090974</c:v>
                </c:pt>
                <c:pt idx="373">
                  <c:v>-0.36754755175789544</c:v>
                </c:pt>
                <c:pt idx="374">
                  <c:v>-0.33948621070701279</c:v>
                </c:pt>
                <c:pt idx="375">
                  <c:v>-0.31111935498112731</c:v>
                </c:pt>
                <c:pt idx="376">
                  <c:v>-0.28247251283568531</c:v>
                </c:pt>
                <c:pt idx="377">
                  <c:v>-0.25357146449501206</c:v>
                </c:pt>
                <c:pt idx="378">
                  <c:v>-0.22444221895185537</c:v>
                </c:pt>
                <c:pt idx="379">
                  <c:v>-0.19511099056103734</c:v>
                </c:pt>
                <c:pt idx="380">
                  <c:v>-0.16560417544830941</c:v>
                </c:pt>
                <c:pt idx="381">
                  <c:v>-0.13594832775562624</c:v>
                </c:pt>
                <c:pt idx="382">
                  <c:v>-0.10617013574419806</c:v>
                </c:pt>
                <c:pt idx="383">
                  <c:v>-7.6296397776871056E-2</c:v>
                </c:pt>
                <c:pt idx="384">
                  <c:v>-4.6353998201397219E-2</c:v>
                </c:pt>
                <c:pt idx="385">
                  <c:v>-1.6369883156341365E-2</c:v>
                </c:pt>
                <c:pt idx="386">
                  <c:v>1.3628963678619457E-2</c:v>
                </c:pt>
                <c:pt idx="387">
                  <c:v>4.3615545366196974E-2</c:v>
                </c:pt>
                <c:pt idx="388">
                  <c:v>7.3562876006907668E-2</c:v>
                </c:pt>
                <c:pt idx="389">
                  <c:v>0.10344400502455556</c:v>
                </c:pt>
                <c:pt idx="390">
                  <c:v>0.13323204141994222</c:v>
                </c:pt>
                <c:pt idx="391">
                  <c:v>0.16290017797094569</c:v>
                </c:pt>
                <c:pt idx="392">
                  <c:v>0.1924217153572057</c:v>
                </c:pt>
                <c:pt idx="393">
                  <c:v>0.22177008618772037</c:v>
                </c:pt>
                <c:pt idx="394">
                  <c:v>0.25091887890969955</c:v>
                </c:pt>
                <c:pt idx="395">
                  <c:v>0.2798418615771745</c:v>
                </c:pt>
                <c:pt idx="396">
                  <c:v>0.30851300545799071</c:v>
                </c:pt>
                <c:pt idx="397">
                  <c:v>0.33690650845789616</c:v>
                </c:pt>
                <c:pt idx="398">
                  <c:v>0.36499681834069658</c:v>
                </c:pt>
                <c:pt idx="399">
                  <c:v>0.39275865572353819</c:v>
                </c:pt>
                <c:pt idx="400">
                  <c:v>0.42016703682664092</c:v>
                </c:pt>
                <c:pt idx="401">
                  <c:v>0.44719729595702384</c:v>
                </c:pt>
                <c:pt idx="402">
                  <c:v>0.47382510770595893</c:v>
                </c:pt>
                <c:pt idx="403">
                  <c:v>0.5000265088401924</c:v>
                </c:pt>
                <c:pt idx="404">
                  <c:v>0.52577791986724653</c:v>
                </c:pt>
                <c:pt idx="405">
                  <c:v>0.55105616625536646</c:v>
                </c:pt>
                <c:pt idx="406">
                  <c:v>0.57583849928903053</c:v>
                </c:pt>
                <c:pt idx="407">
                  <c:v>0.60010261654126851</c:v>
                </c:pt>
                <c:pt idx="408">
                  <c:v>0.62382668194432933</c:v>
                </c:pt>
                <c:pt idx="409">
                  <c:v>0.6469893454406781</c:v>
                </c:pt>
                <c:pt idx="410">
                  <c:v>0.66956976219660236</c:v>
                </c:pt>
                <c:pt idx="411">
                  <c:v>0.69154761136115128</c:v>
                </c:pt>
                <c:pt idx="412">
                  <c:v>0.7129031143535387</c:v>
                </c:pt>
                <c:pt idx="413">
                  <c:v>0.73361705266252586</c:v>
                </c:pt>
                <c:pt idx="414">
                  <c:v>0.75367078514178087</c:v>
                </c:pt>
                <c:pt idx="415">
                  <c:v>0.7730462647856603</c:v>
                </c:pt>
                <c:pt idx="416">
                  <c:v>0.79172605497029114</c:v>
                </c:pt>
                <c:pt idx="417">
                  <c:v>0.80969334514535307</c:v>
                </c:pt>
                <c:pt idx="418">
                  <c:v>0.82693196596244545</c:v>
                </c:pt>
                <c:pt idx="419">
                  <c:v>0.84342640382640588</c:v>
                </c:pt>
              </c:numCache>
            </c:numRef>
          </c:yVal>
          <c:smooth val="1"/>
          <c:extLst>
            <c:ext xmlns:c16="http://schemas.microsoft.com/office/drawing/2014/chart" uri="{C3380CC4-5D6E-409C-BE32-E72D297353CC}">
              <c16:uniqueId val="{00000000-8C70-4DD3-93F6-01B6D635C1F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402523392"/>
        <c:axId val="402523720"/>
      </c:scatterChart>
      <c:valAx>
        <c:axId val="402523392"/>
        <c:scaling>
          <c:orientation val="minMax"/>
        </c:scaling>
        <c:delete val="1"/>
        <c:axPos val="b"/>
        <c:numFmt formatCode="0.00" sourceLinked="1"/>
        <c:majorTickMark val="none"/>
        <c:minorTickMark val="none"/>
        <c:tickLblPos val="nextTo"/>
        <c:crossAx val="402523720"/>
        <c:crosses val="autoZero"/>
        <c:crossBetween val="midCat"/>
      </c:valAx>
      <c:valAx>
        <c:axId val="402523720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402523392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60462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02134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9861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578525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91560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236745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858379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It’s easy to get los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66567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62752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Septem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ON15 - DMSC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Andreasen Klah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378256096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September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ON15 - DMSC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Andreasen Klah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2206835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2 Septem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IKON15 - DMSC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Emil Andreasen Klah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8160844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 dirty="0"/>
              <a:t>12/09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27159000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IKON15 - DMSC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Emil Andreasen Klah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2 September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hD Student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09/2018</a:t>
            </a:fld>
            <a:r>
              <a:rPr lang="en-GB"/>
              <a:t>12/09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6" Type="http://schemas.openxmlformats.org/officeDocument/2006/relationships/image" Target="../media/image40.gif"/><Relationship Id="rId5" Type="http://schemas.openxmlformats.org/officeDocument/2006/relationships/image" Target="../media/image39.jpeg"/><Relationship Id="rId4" Type="http://schemas.openxmlformats.org/officeDocument/2006/relationships/image" Target="../media/image38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2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6" Type="http://schemas.openxmlformats.org/officeDocument/2006/relationships/chart" Target="../charts/chart1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Relationship Id="rId9" Type="http://schemas.openxmlformats.org/officeDocument/2006/relationships/image" Target="../media/image2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5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29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28.png"/><Relationship Id="rId5" Type="http://schemas.openxmlformats.org/officeDocument/2006/relationships/image" Target="../media/image2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3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3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34.png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Experiences as a user of neutron diffra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flow improvements</a:t>
            </a: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4ABDC84-30AA-4E47-B141-C7790AD330F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45940" y="836712"/>
            <a:ext cx="8856984" cy="5351095"/>
          </a:xfrm>
          <a:prstGeom prst="rect">
            <a:avLst/>
          </a:prstGeom>
        </p:spPr>
      </p:pic>
      <p:sp>
        <p:nvSpPr>
          <p:cNvPr id="7" name="Taleboble: rektangel 6">
            <a:extLst>
              <a:ext uri="{FF2B5EF4-FFF2-40B4-BE49-F238E27FC236}">
                <a16:creationId xmlns:a16="http://schemas.microsoft.com/office/drawing/2014/main" id="{0D0CE36F-41FC-45A7-AD5D-5A45CDBB7A87}"/>
              </a:ext>
            </a:extLst>
          </p:cNvPr>
          <p:cNvSpPr/>
          <p:nvPr/>
        </p:nvSpPr>
        <p:spPr bwMode="auto">
          <a:xfrm>
            <a:off x="10342884" y="4826792"/>
            <a:ext cx="1728192" cy="762448"/>
          </a:xfrm>
          <a:prstGeom prst="wedgeRectCallout">
            <a:avLst>
              <a:gd name="adj1" fmla="val -38513"/>
              <a:gd name="adj2" fmla="val 94784"/>
            </a:avLst>
          </a:prstGeom>
          <a:solidFill>
            <a:schemeClr val="bg1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7C9F183E-45E1-4591-B8ED-98821A8DA61D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94587" t="95385" b="1237"/>
          <a:stretch/>
        </p:blipFill>
        <p:spPr>
          <a:xfrm>
            <a:off x="10414892" y="4909340"/>
            <a:ext cx="1584176" cy="597351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29FCB4A7-209B-4F0D-9B37-BCA09C6E823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3047"/>
          <a:stretch/>
        </p:blipFill>
        <p:spPr>
          <a:xfrm>
            <a:off x="821197" y="1641361"/>
            <a:ext cx="5839510" cy="3538479"/>
          </a:xfrm>
          <a:prstGeom prst="rect">
            <a:avLst/>
          </a:prstGeom>
          <a:ln w="38100">
            <a:solidFill>
              <a:schemeClr val="tx1"/>
            </a:solidFill>
          </a:ln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514254B0-46F4-49F8-8D3B-A857CEF8087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8606" y="1646581"/>
            <a:ext cx="5839510" cy="3528037"/>
          </a:xfrm>
          <a:prstGeom prst="rect">
            <a:avLst/>
          </a:prstGeom>
        </p:spPr>
      </p:pic>
      <p:sp>
        <p:nvSpPr>
          <p:cNvPr id="11" name="Rektangel 10">
            <a:extLst>
              <a:ext uri="{FF2B5EF4-FFF2-40B4-BE49-F238E27FC236}">
                <a16:creationId xmlns:a16="http://schemas.microsoft.com/office/drawing/2014/main" id="{0BB0096E-C07F-4DDA-B72F-A47B668AADD1}"/>
              </a:ext>
            </a:extLst>
          </p:cNvPr>
          <p:cNvSpPr/>
          <p:nvPr/>
        </p:nvSpPr>
        <p:spPr bwMode="auto">
          <a:xfrm>
            <a:off x="3790156" y="5661248"/>
            <a:ext cx="576064" cy="36004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652502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DFD2D78-8302-4A11-91B7-8773F65321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nclusion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F7DFAA9-810B-4E33-AB06-4F069DB761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/>
            <a:endParaRPr lang="da-DK" dirty="0"/>
          </a:p>
          <a:p>
            <a:pPr lvl="1"/>
            <a:r>
              <a:rPr lang="da-DK" dirty="0" err="1"/>
              <a:t>Susceptibility</a:t>
            </a:r>
            <a:r>
              <a:rPr lang="da-DK" dirty="0"/>
              <a:t> </a:t>
            </a:r>
            <a:r>
              <a:rPr lang="da-DK" dirty="0" err="1"/>
              <a:t>refinements</a:t>
            </a:r>
            <a:r>
              <a:rPr lang="da-DK" dirty="0"/>
              <a:t> </a:t>
            </a:r>
            <a:r>
              <a:rPr lang="da-DK" dirty="0" err="1"/>
              <a:t>were</a:t>
            </a:r>
            <a:r>
              <a:rPr lang="da-DK" dirty="0"/>
              <a:t> </a:t>
            </a:r>
            <a:r>
              <a:rPr lang="da-DK" dirty="0" err="1"/>
              <a:t>largely</a:t>
            </a:r>
            <a:r>
              <a:rPr lang="da-DK" dirty="0"/>
              <a:t> </a:t>
            </a:r>
            <a:r>
              <a:rPr lang="da-DK" dirty="0" err="1"/>
              <a:t>able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utomated</a:t>
            </a:r>
            <a:endParaRPr lang="da-DK" dirty="0"/>
          </a:p>
          <a:p>
            <a:pPr lvl="1"/>
            <a:endParaRPr lang="da-DK" dirty="0"/>
          </a:p>
          <a:p>
            <a:pPr lvl="1"/>
            <a:r>
              <a:rPr lang="da-DK" dirty="0" err="1"/>
              <a:t>Less</a:t>
            </a:r>
            <a:r>
              <a:rPr lang="da-DK" dirty="0"/>
              <a:t> </a:t>
            </a:r>
            <a:r>
              <a:rPr lang="da-DK" dirty="0" err="1"/>
              <a:t>need</a:t>
            </a:r>
            <a:r>
              <a:rPr lang="da-DK" dirty="0"/>
              <a:t> for manual steps </a:t>
            </a:r>
            <a:r>
              <a:rPr lang="da-DK" dirty="0" err="1"/>
              <a:t>leaves</a:t>
            </a:r>
            <a:endParaRPr lang="da-DK" dirty="0"/>
          </a:p>
          <a:p>
            <a:pPr marL="252000" lvl="1" indent="0">
              <a:buNone/>
            </a:pPr>
            <a:r>
              <a:rPr lang="da-DK" dirty="0"/>
              <a:t>more time for science </a:t>
            </a:r>
          </a:p>
          <a:p>
            <a:pPr marL="252000" lvl="1" indent="0">
              <a:buNone/>
            </a:pPr>
            <a:endParaRPr lang="da-DK" dirty="0"/>
          </a:p>
          <a:p>
            <a:pPr lvl="1"/>
            <a:r>
              <a:rPr lang="da-DK" dirty="0"/>
              <a:t>”If </a:t>
            </a:r>
            <a:r>
              <a:rPr lang="da-DK" dirty="0" err="1"/>
              <a:t>you</a:t>
            </a:r>
            <a:r>
              <a:rPr lang="da-DK" dirty="0"/>
              <a:t> do </a:t>
            </a:r>
            <a:r>
              <a:rPr lang="da-DK" dirty="0" err="1"/>
              <a:t>something</a:t>
            </a:r>
            <a:r>
              <a:rPr lang="da-DK" dirty="0"/>
              <a:t> more </a:t>
            </a:r>
            <a:r>
              <a:rPr lang="da-DK" dirty="0" err="1"/>
              <a:t>than</a:t>
            </a:r>
            <a:r>
              <a:rPr lang="da-DK" dirty="0"/>
              <a:t> 3 times,</a:t>
            </a:r>
          </a:p>
          <a:p>
            <a:pPr marL="252000" lvl="1" indent="0">
              <a:buNone/>
            </a:pPr>
            <a:r>
              <a:rPr lang="da-DK" dirty="0" err="1"/>
              <a:t>write</a:t>
            </a:r>
            <a:r>
              <a:rPr lang="da-DK" dirty="0"/>
              <a:t> a </a:t>
            </a:r>
            <a:r>
              <a:rPr lang="da-DK" dirty="0" err="1"/>
              <a:t>function</a:t>
            </a:r>
            <a:r>
              <a:rPr lang="da-DK" dirty="0"/>
              <a:t> for it”</a:t>
            </a:r>
          </a:p>
          <a:p>
            <a:pPr lvl="1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0E88A37-6C6D-4A76-B646-0CF7596A54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D8D6BC-1D0C-4BC2-B54B-8D6A7D264A4E}" type="datetime1">
              <a:rPr lang="en-GB" smtClean="0"/>
              <a:t>12/09/2018</a:t>
            </a:fld>
            <a:r>
              <a:rPr lang="en-GB"/>
              <a:t>12/09/2018</a:t>
            </a:r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D9A2817-79B8-4E7D-908C-46A453945D0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742484" y="2614280"/>
            <a:ext cx="4752528" cy="28713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002154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aknowledgements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9" y="1373021"/>
            <a:ext cx="5108574" cy="4521366"/>
          </a:xfrm>
        </p:spPr>
        <p:txBody>
          <a:bodyPr/>
          <a:lstStyle/>
          <a:p>
            <a:pPr lvl="1"/>
            <a:endParaRPr lang="en-GB" dirty="0"/>
          </a:p>
          <a:p>
            <a:pPr lvl="1"/>
            <a:r>
              <a:rPr lang="en-GB" dirty="0"/>
              <a:t>Chen Gao (AU)</a:t>
            </a:r>
          </a:p>
          <a:p>
            <a:pPr lvl="1"/>
            <a:r>
              <a:rPr lang="en-GB" dirty="0"/>
              <a:t>Jacob Overgaard (AU)</a:t>
            </a:r>
          </a:p>
          <a:p>
            <a:pPr lvl="1"/>
            <a:endParaRPr lang="en-GB" dirty="0"/>
          </a:p>
          <a:p>
            <a:pPr lvl="1"/>
            <a:r>
              <a:rPr lang="en-GB" dirty="0"/>
              <a:t>Shang-Da Jiang (PKU)</a:t>
            </a:r>
          </a:p>
          <a:p>
            <a:pPr lvl="1"/>
            <a:endParaRPr lang="en-GB" dirty="0"/>
          </a:p>
          <a:p>
            <a:pPr lvl="1"/>
            <a:r>
              <a:rPr lang="en-GB" dirty="0"/>
              <a:t>Beatrice Gillon (LLB)</a:t>
            </a:r>
          </a:p>
          <a:p>
            <a:pPr lvl="1"/>
            <a:r>
              <a:rPr lang="en-GB" dirty="0" err="1"/>
              <a:t>Arsen</a:t>
            </a:r>
            <a:r>
              <a:rPr lang="en-GB" dirty="0"/>
              <a:t> Gukasov (LLB)</a:t>
            </a:r>
          </a:p>
          <a:p>
            <a:pPr lvl="1"/>
            <a:r>
              <a:rPr lang="en-GB" dirty="0"/>
              <a:t>Xavier </a:t>
            </a:r>
            <a:r>
              <a:rPr lang="en-GB" dirty="0" err="1"/>
              <a:t>Fabreges</a:t>
            </a:r>
            <a:r>
              <a:rPr lang="en-GB" dirty="0"/>
              <a:t> (LLB)</a:t>
            </a:r>
          </a:p>
          <a:p>
            <a:pPr lvl="1"/>
            <a:endParaRPr lang="en-GB" dirty="0"/>
          </a:p>
          <a:p>
            <a:pPr lvl="1"/>
            <a:r>
              <a:rPr lang="en-GB" dirty="0"/>
              <a:t>Ross O. </a:t>
            </a:r>
            <a:r>
              <a:rPr lang="en-GB" dirty="0" err="1"/>
              <a:t>Piltz</a:t>
            </a:r>
            <a:r>
              <a:rPr lang="en-GB" dirty="0"/>
              <a:t> (ANSTO)</a:t>
            </a: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D0029287-2003-4749-9F28-B7EF91341FC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42284" y="1013770"/>
            <a:ext cx="5641848" cy="144475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97A38D0D-CEBF-4972-935E-004E2BE3648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2764" y="2344701"/>
            <a:ext cx="2307336" cy="1886712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9042A2C4-78DB-4449-933C-BAE140DC207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74332" y="2626818"/>
            <a:ext cx="3535328" cy="3217547"/>
          </a:xfrm>
          <a:prstGeom prst="rect">
            <a:avLst/>
          </a:prstGeom>
          <a:solidFill>
            <a:schemeClr val="bg1"/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4417310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lecular magnetism</a:t>
            </a:r>
          </a:p>
        </p:txBody>
      </p:sp>
      <p:grpSp>
        <p:nvGrpSpPr>
          <p:cNvPr id="8" name="Gruppe 7">
            <a:extLst>
              <a:ext uri="{FF2B5EF4-FFF2-40B4-BE49-F238E27FC236}">
                <a16:creationId xmlns:a16="http://schemas.microsoft.com/office/drawing/2014/main" id="{64BE0511-517D-4913-89A8-7C504D8E4F44}"/>
              </a:ext>
            </a:extLst>
          </p:cNvPr>
          <p:cNvGrpSpPr/>
          <p:nvPr/>
        </p:nvGrpSpPr>
        <p:grpSpPr>
          <a:xfrm>
            <a:off x="1692134" y="1485059"/>
            <a:ext cx="3293643" cy="3272867"/>
            <a:chOff x="5443104" y="915566"/>
            <a:chExt cx="3293643" cy="3272867"/>
          </a:xfrm>
        </p:grpSpPr>
        <p:cxnSp>
          <p:nvCxnSpPr>
            <p:cNvPr id="9" name="Lige forbindelse 8">
              <a:extLst>
                <a:ext uri="{FF2B5EF4-FFF2-40B4-BE49-F238E27FC236}">
                  <a16:creationId xmlns:a16="http://schemas.microsoft.com/office/drawing/2014/main" id="{5B20E5C3-3BBE-43D0-B982-E4978625DB06}"/>
                </a:ext>
              </a:extLst>
            </p:cNvPr>
            <p:cNvCxnSpPr/>
            <p:nvPr/>
          </p:nvCxnSpPr>
          <p:spPr bwMode="auto">
            <a:xfrm>
              <a:off x="6516216" y="12763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0" name="Lige forbindelse 9">
              <a:extLst>
                <a:ext uri="{FF2B5EF4-FFF2-40B4-BE49-F238E27FC236}">
                  <a16:creationId xmlns:a16="http://schemas.microsoft.com/office/drawing/2014/main" id="{2E6C71EF-EC36-4189-B3E3-977F0B8D90E3}"/>
                </a:ext>
              </a:extLst>
            </p:cNvPr>
            <p:cNvCxnSpPr/>
            <p:nvPr/>
          </p:nvCxnSpPr>
          <p:spPr bwMode="auto">
            <a:xfrm>
              <a:off x="7363544" y="1268029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1" name="Lige forbindelse 10">
              <a:extLst>
                <a:ext uri="{FF2B5EF4-FFF2-40B4-BE49-F238E27FC236}">
                  <a16:creationId xmlns:a16="http://schemas.microsoft.com/office/drawing/2014/main" id="{4BBC5985-0867-4BCC-BCE7-A2695423C7B5}"/>
                </a:ext>
              </a:extLst>
            </p:cNvPr>
            <p:cNvCxnSpPr/>
            <p:nvPr/>
          </p:nvCxnSpPr>
          <p:spPr bwMode="auto">
            <a:xfrm>
              <a:off x="7524328" y="14922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2" name="Lige forbindelse 11">
              <a:extLst>
                <a:ext uri="{FF2B5EF4-FFF2-40B4-BE49-F238E27FC236}">
                  <a16:creationId xmlns:a16="http://schemas.microsoft.com/office/drawing/2014/main" id="{B58F2778-F2F7-4AEC-A55A-90729088A55D}"/>
                </a:ext>
              </a:extLst>
            </p:cNvPr>
            <p:cNvCxnSpPr/>
            <p:nvPr/>
          </p:nvCxnSpPr>
          <p:spPr bwMode="auto">
            <a:xfrm>
              <a:off x="6330280" y="148168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3" name="Lige forbindelse 12">
              <a:extLst>
                <a:ext uri="{FF2B5EF4-FFF2-40B4-BE49-F238E27FC236}">
                  <a16:creationId xmlns:a16="http://schemas.microsoft.com/office/drawing/2014/main" id="{B31D9FCF-3700-40BE-BDCD-5F4C91227615}"/>
                </a:ext>
              </a:extLst>
            </p:cNvPr>
            <p:cNvCxnSpPr/>
            <p:nvPr/>
          </p:nvCxnSpPr>
          <p:spPr bwMode="auto">
            <a:xfrm>
              <a:off x="6153949" y="1779662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4" name="Lige forbindelse 13">
              <a:extLst>
                <a:ext uri="{FF2B5EF4-FFF2-40B4-BE49-F238E27FC236}">
                  <a16:creationId xmlns:a16="http://schemas.microsoft.com/office/drawing/2014/main" id="{D42749CC-D3FE-46EE-ADB1-C2DA514E2C3B}"/>
                </a:ext>
              </a:extLst>
            </p:cNvPr>
            <p:cNvCxnSpPr/>
            <p:nvPr/>
          </p:nvCxnSpPr>
          <p:spPr bwMode="auto">
            <a:xfrm>
              <a:off x="7737515" y="1779588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5" name="Lige forbindelse 14">
              <a:extLst>
                <a:ext uri="{FF2B5EF4-FFF2-40B4-BE49-F238E27FC236}">
                  <a16:creationId xmlns:a16="http://schemas.microsoft.com/office/drawing/2014/main" id="{382DFDD3-9906-4BF7-A9BF-22BA1D181D67}"/>
                </a:ext>
              </a:extLst>
            </p:cNvPr>
            <p:cNvCxnSpPr/>
            <p:nvPr/>
          </p:nvCxnSpPr>
          <p:spPr bwMode="auto">
            <a:xfrm>
              <a:off x="5848361" y="25717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6" name="Lige forbindelse 15">
              <a:extLst>
                <a:ext uri="{FF2B5EF4-FFF2-40B4-BE49-F238E27FC236}">
                  <a16:creationId xmlns:a16="http://schemas.microsoft.com/office/drawing/2014/main" id="{D16F8B88-2D76-4BE5-BA4A-B3B3F9A50527}"/>
                </a:ext>
              </a:extLst>
            </p:cNvPr>
            <p:cNvCxnSpPr/>
            <p:nvPr/>
          </p:nvCxnSpPr>
          <p:spPr bwMode="auto">
            <a:xfrm>
              <a:off x="6009933" y="21399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7" name="Lige forbindelse 16">
              <a:extLst>
                <a:ext uri="{FF2B5EF4-FFF2-40B4-BE49-F238E27FC236}">
                  <a16:creationId xmlns:a16="http://schemas.microsoft.com/office/drawing/2014/main" id="{F1C228EC-5951-4B24-98F6-88812AD89BFE}"/>
                </a:ext>
              </a:extLst>
            </p:cNvPr>
            <p:cNvCxnSpPr/>
            <p:nvPr/>
          </p:nvCxnSpPr>
          <p:spPr bwMode="auto">
            <a:xfrm>
              <a:off x="7899883" y="21399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8" name="Lige forbindelse 17">
              <a:extLst>
                <a:ext uri="{FF2B5EF4-FFF2-40B4-BE49-F238E27FC236}">
                  <a16:creationId xmlns:a16="http://schemas.microsoft.com/office/drawing/2014/main" id="{03BB9C2D-205C-4768-8361-F55C107CC644}"/>
                </a:ext>
              </a:extLst>
            </p:cNvPr>
            <p:cNvCxnSpPr/>
            <p:nvPr/>
          </p:nvCxnSpPr>
          <p:spPr bwMode="auto">
            <a:xfrm>
              <a:off x="8043899" y="25717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19" name="Lige forbindelse 18">
              <a:extLst>
                <a:ext uri="{FF2B5EF4-FFF2-40B4-BE49-F238E27FC236}">
                  <a16:creationId xmlns:a16="http://schemas.microsoft.com/office/drawing/2014/main" id="{DB336028-60E3-45D6-A74F-F5A346343577}"/>
                </a:ext>
              </a:extLst>
            </p:cNvPr>
            <p:cNvCxnSpPr/>
            <p:nvPr/>
          </p:nvCxnSpPr>
          <p:spPr bwMode="auto">
            <a:xfrm>
              <a:off x="8448715" y="396530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0" name="Lige forbindelse 19">
              <a:extLst>
                <a:ext uri="{FF2B5EF4-FFF2-40B4-BE49-F238E27FC236}">
                  <a16:creationId xmlns:a16="http://schemas.microsoft.com/office/drawing/2014/main" id="{E01BB7F9-8F9B-4914-A3C5-F5F8A92CDCC7}"/>
                </a:ext>
              </a:extLst>
            </p:cNvPr>
            <p:cNvCxnSpPr/>
            <p:nvPr/>
          </p:nvCxnSpPr>
          <p:spPr bwMode="auto">
            <a:xfrm>
              <a:off x="5443104" y="3947642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Lige forbindelse 20">
              <a:extLst>
                <a:ext uri="{FF2B5EF4-FFF2-40B4-BE49-F238E27FC236}">
                  <a16:creationId xmlns:a16="http://schemas.microsoft.com/office/drawing/2014/main" id="{56086570-B33A-49F4-A2CE-18DBEE04F7EF}"/>
                </a:ext>
              </a:extLst>
            </p:cNvPr>
            <p:cNvCxnSpPr/>
            <p:nvPr/>
          </p:nvCxnSpPr>
          <p:spPr bwMode="auto">
            <a:xfrm>
              <a:off x="5724128" y="30035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2" name="Lige forbindelse 21">
              <a:extLst>
                <a:ext uri="{FF2B5EF4-FFF2-40B4-BE49-F238E27FC236}">
                  <a16:creationId xmlns:a16="http://schemas.microsoft.com/office/drawing/2014/main" id="{4F101B38-E459-48F1-8374-84B46C02D948}"/>
                </a:ext>
              </a:extLst>
            </p:cNvPr>
            <p:cNvCxnSpPr/>
            <p:nvPr/>
          </p:nvCxnSpPr>
          <p:spPr bwMode="auto">
            <a:xfrm>
              <a:off x="5587120" y="34353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3" name="Lige forbindelse 22">
              <a:extLst>
                <a:ext uri="{FF2B5EF4-FFF2-40B4-BE49-F238E27FC236}">
                  <a16:creationId xmlns:a16="http://schemas.microsoft.com/office/drawing/2014/main" id="{8EFFE967-81C1-40F7-965B-8145BC2B1562}"/>
                </a:ext>
              </a:extLst>
            </p:cNvPr>
            <p:cNvCxnSpPr/>
            <p:nvPr/>
          </p:nvCxnSpPr>
          <p:spPr bwMode="auto">
            <a:xfrm>
              <a:off x="8296946" y="34353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4" name="Lige forbindelse 23">
              <a:extLst>
                <a:ext uri="{FF2B5EF4-FFF2-40B4-BE49-F238E27FC236}">
                  <a16:creationId xmlns:a16="http://schemas.microsoft.com/office/drawing/2014/main" id="{4F69446C-AA85-4037-BE5C-A78CB1820F98}"/>
                </a:ext>
              </a:extLst>
            </p:cNvPr>
            <p:cNvCxnSpPr/>
            <p:nvPr/>
          </p:nvCxnSpPr>
          <p:spPr bwMode="auto">
            <a:xfrm>
              <a:off x="8191726" y="3003550"/>
              <a:ext cx="288032" cy="0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2">
              <a:schemeClr val="dk1"/>
            </a:lnRef>
            <a:fillRef idx="0">
              <a:schemeClr val="dk1"/>
            </a:fillRef>
            <a:effectRef idx="1">
              <a:schemeClr val="dk1"/>
            </a:effectRef>
            <a:fontRef idx="minor">
              <a:schemeClr val="tx1"/>
            </a:fontRef>
          </p:style>
        </p:cxnSp>
        <p:cxnSp>
          <p:nvCxnSpPr>
            <p:cNvPr id="25" name="Lige pilforbindelse 24">
              <a:extLst>
                <a:ext uri="{FF2B5EF4-FFF2-40B4-BE49-F238E27FC236}">
                  <a16:creationId xmlns:a16="http://schemas.microsoft.com/office/drawing/2014/main" id="{E31F768D-953C-482D-8E35-7BC635F8AFCF}"/>
                </a:ext>
              </a:extLst>
            </p:cNvPr>
            <p:cNvCxnSpPr/>
            <p:nvPr/>
          </p:nvCxnSpPr>
          <p:spPr bwMode="auto">
            <a:xfrm flipV="1">
              <a:off x="7092280" y="915566"/>
              <a:ext cx="0" cy="3096344"/>
            </a:xfrm>
            <a:prstGeom prst="straightConnector1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26" name="Lige forbindelse 25">
              <a:extLst>
                <a:ext uri="{FF2B5EF4-FFF2-40B4-BE49-F238E27FC236}">
                  <a16:creationId xmlns:a16="http://schemas.microsoft.com/office/drawing/2014/main" id="{62FFE6B5-FC8F-4C7D-9ACA-803BF2318C3D}"/>
                </a:ext>
              </a:extLst>
            </p:cNvPr>
            <p:cNvCxnSpPr/>
            <p:nvPr/>
          </p:nvCxnSpPr>
          <p:spPr bwMode="auto">
            <a:xfrm>
              <a:off x="5724128" y="4011910"/>
              <a:ext cx="2736304" cy="0"/>
            </a:xfrm>
            <a:prstGeom prst="line">
              <a:avLst/>
            </a:prstGeom>
            <a:solidFill>
              <a:schemeClr val="accent2"/>
            </a:solidFill>
            <a:ln w="1270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7" name="Tekstfelt 26">
              <a:extLst>
                <a:ext uri="{FF2B5EF4-FFF2-40B4-BE49-F238E27FC236}">
                  <a16:creationId xmlns:a16="http://schemas.microsoft.com/office/drawing/2014/main" id="{5CE0F0DA-8E33-4130-A3B8-15399348102F}"/>
                </a:ext>
              </a:extLst>
            </p:cNvPr>
            <p:cNvSpPr txBox="1"/>
            <p:nvPr/>
          </p:nvSpPr>
          <p:spPr>
            <a:xfrm>
              <a:off x="8312244" y="4056859"/>
              <a:ext cx="335028" cy="13157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900">
                  <a:latin typeface="+mn-lt"/>
                </a:rPr>
                <a:t>M</a:t>
              </a:r>
              <a:r>
                <a:rPr lang="en-GB" sz="900" baseline="-25000">
                  <a:latin typeface="+mn-lt"/>
                </a:rPr>
                <a:t>J</a:t>
              </a:r>
              <a:r>
                <a:rPr lang="en-GB" sz="900">
                  <a:latin typeface="+mn-lt"/>
                </a:rPr>
                <a:t> = -J</a:t>
              </a:r>
              <a:endParaRPr lang="en-GB" sz="900" dirty="0">
                <a:latin typeface="+mn-lt"/>
              </a:endParaRPr>
            </a:p>
          </p:txBody>
        </p:sp>
        <p:sp>
          <p:nvSpPr>
            <p:cNvPr id="28" name="Tekstfelt 27">
              <a:extLst>
                <a:ext uri="{FF2B5EF4-FFF2-40B4-BE49-F238E27FC236}">
                  <a16:creationId xmlns:a16="http://schemas.microsoft.com/office/drawing/2014/main" id="{015E960B-84DC-4361-B2CA-F05EF9784EF3}"/>
                </a:ext>
              </a:extLst>
            </p:cNvPr>
            <p:cNvSpPr txBox="1"/>
            <p:nvPr/>
          </p:nvSpPr>
          <p:spPr>
            <a:xfrm>
              <a:off x="5556614" y="4056750"/>
              <a:ext cx="291747" cy="13157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900">
                  <a:latin typeface="+mn-lt"/>
                </a:rPr>
                <a:t>M</a:t>
              </a:r>
              <a:r>
                <a:rPr lang="en-GB" sz="900" baseline="-25000">
                  <a:latin typeface="+mn-lt"/>
                </a:rPr>
                <a:t>J</a:t>
              </a:r>
              <a:r>
                <a:rPr lang="en-GB" sz="900">
                  <a:latin typeface="+mn-lt"/>
                </a:rPr>
                <a:t> = J</a:t>
              </a:r>
              <a:endParaRPr lang="en-GB" sz="900" dirty="0">
                <a:latin typeface="+mn-lt"/>
              </a:endParaRPr>
            </a:p>
          </p:txBody>
        </p:sp>
      </p:grpSp>
      <p:grpSp>
        <p:nvGrpSpPr>
          <p:cNvPr id="29" name="Gruppe 28">
            <a:extLst>
              <a:ext uri="{FF2B5EF4-FFF2-40B4-BE49-F238E27FC236}">
                <a16:creationId xmlns:a16="http://schemas.microsoft.com/office/drawing/2014/main" id="{FC67013D-1D52-4A39-B861-8DAABA752073}"/>
              </a:ext>
            </a:extLst>
          </p:cNvPr>
          <p:cNvGrpSpPr/>
          <p:nvPr/>
        </p:nvGrpSpPr>
        <p:grpSpPr>
          <a:xfrm>
            <a:off x="1632493" y="1773091"/>
            <a:ext cx="3417634" cy="2821732"/>
            <a:chOff x="5383463" y="1203598"/>
            <a:chExt cx="3417634" cy="2821732"/>
          </a:xfrm>
        </p:grpSpPr>
        <p:cxnSp>
          <p:nvCxnSpPr>
            <p:cNvPr id="30" name="Lige pilforbindelse 29">
              <a:extLst>
                <a:ext uri="{FF2B5EF4-FFF2-40B4-BE49-F238E27FC236}">
                  <a16:creationId xmlns:a16="http://schemas.microsoft.com/office/drawing/2014/main" id="{311B3F7B-988E-488B-A079-C1A55A52ED88}"/>
                </a:ext>
              </a:extLst>
            </p:cNvPr>
            <p:cNvCxnSpPr/>
            <p:nvPr/>
          </p:nvCxnSpPr>
          <p:spPr bwMode="auto">
            <a:xfrm flipV="1">
              <a:off x="5383463" y="3566442"/>
              <a:ext cx="52633" cy="445468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rgbClr val="FFC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1" name="Lige pilforbindelse 30">
              <a:extLst>
                <a:ext uri="{FF2B5EF4-FFF2-40B4-BE49-F238E27FC236}">
                  <a16:creationId xmlns:a16="http://schemas.microsoft.com/office/drawing/2014/main" id="{87955033-223D-499E-9B11-3DFC7B893BFB}"/>
                </a:ext>
              </a:extLst>
            </p:cNvPr>
            <p:cNvCxnSpPr/>
            <p:nvPr/>
          </p:nvCxnSpPr>
          <p:spPr bwMode="auto">
            <a:xfrm rot="5400000" flipV="1">
              <a:off x="7792754" y="1007181"/>
              <a:ext cx="52633" cy="445468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rgbClr val="FFC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2" name="Lige pilforbindelse 31">
              <a:extLst>
                <a:ext uri="{FF2B5EF4-FFF2-40B4-BE49-F238E27FC236}">
                  <a16:creationId xmlns:a16="http://schemas.microsoft.com/office/drawing/2014/main" id="{16B7B438-C20D-47D8-8011-18AD67A3881E}"/>
                </a:ext>
              </a:extLst>
            </p:cNvPr>
            <p:cNvCxnSpPr/>
            <p:nvPr/>
          </p:nvCxnSpPr>
          <p:spPr bwMode="auto">
            <a:xfrm rot="16200000">
              <a:off x="6416540" y="1024337"/>
              <a:ext cx="62294" cy="425090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rgbClr val="FFC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33" name="Lige pilforbindelse 32">
              <a:extLst>
                <a:ext uri="{FF2B5EF4-FFF2-40B4-BE49-F238E27FC236}">
                  <a16:creationId xmlns:a16="http://schemas.microsoft.com/office/drawing/2014/main" id="{D9B0B375-A4C8-4BFF-A3FE-AC19E2D51A55}"/>
                </a:ext>
              </a:extLst>
            </p:cNvPr>
            <p:cNvCxnSpPr/>
            <p:nvPr/>
          </p:nvCxnSpPr>
          <p:spPr bwMode="auto">
            <a:xfrm>
              <a:off x="8748464" y="3579862"/>
              <a:ext cx="52633" cy="445468"/>
            </a:xfrm>
            <a:prstGeom prst="straightConnector1">
              <a:avLst/>
            </a:prstGeom>
            <a:solidFill>
              <a:schemeClr val="accent2"/>
            </a:solidFill>
            <a:ln w="28575" cap="flat" cmpd="sng" algn="ctr">
              <a:solidFill>
                <a:srgbClr val="FFC000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34" name="Pladsholder til tekst 3">
                <a:extLst>
                  <a:ext uri="{FF2B5EF4-FFF2-40B4-BE49-F238E27FC236}">
                    <a16:creationId xmlns:a16="http://schemas.microsoft.com/office/drawing/2014/main" id="{142A7AE2-FF0B-4120-86B7-2FE06F15F82F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3070076" y="2641252"/>
                <a:ext cx="8446183" cy="2947988"/>
              </a:xfrm>
              <a:prstGeom prst="rect">
                <a:avLst/>
              </a:prstGeom>
            </p:spPr>
            <p:txBody>
              <a:bodyPr/>
              <a:lstStyle>
                <a:lvl1pPr marL="0" indent="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  <a:defRPr sz="2000" b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3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2pPr>
                <a:lvl3pPr marL="75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3pPr>
                <a:lvl4pPr marL="115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4pPr>
                <a:lvl5pPr marL="151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5pPr>
                <a:lvl6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6pPr>
                <a:lvl7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7pPr>
                <a:lvl8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8pPr>
                <a:lvl9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9pPr>
              </a:lstStyle>
              <a:p>
                <a:pPr marL="0" lvl="1" indent="0" algn="r">
                  <a:buFont typeface="Arial" panose="020B0604020202020204" pitchFamily="34" charset="0"/>
                  <a:buNone/>
                </a:pPr>
                <a:endParaRPr lang="en-GB" kern="0" dirty="0"/>
              </a:p>
              <a:p>
                <a:pPr marL="324000" lvl="2" indent="0">
                  <a:buFont typeface="Arial" panose="020B0604020202020204" pitchFamily="34" charset="0"/>
                  <a:buNone/>
                </a:pPr>
                <a:r>
                  <a:rPr lang="en-GB" b="1" kern="0" dirty="0"/>
                  <a:t>                    </a:t>
                </a:r>
                <a14:m>
                  <m:oMath xmlns:m="http://schemas.openxmlformats.org/officeDocument/2006/math">
                    <m:r>
                      <a:rPr lang="en-GB" b="1" kern="0" smtClean="0">
                        <a:latin typeface="Cambria Math" panose="02040503050406030204" pitchFamily="18" charset="0"/>
                      </a:rPr>
                      <m:t>                                                  </m:t>
                    </m:r>
                    <m:r>
                      <a:rPr lang="en-GB" b="1" i="1" kern="0" smtClean="0">
                        <a:latin typeface="Cambria Math" panose="02040503050406030204" pitchFamily="18" charset="0"/>
                      </a:rPr>
                      <m:t>𝑩</m:t>
                    </m:r>
                    <m:r>
                      <a:rPr lang="en-GB" b="1" i="1" kern="0" smtClean="0">
                        <a:latin typeface="Cambria Math" panose="02040503050406030204" pitchFamily="18" charset="0"/>
                      </a:rPr>
                      <m:t>=</m:t>
                    </m:r>
                    <m:sSub>
                      <m:sSubPr>
                        <m:ctrlPr>
                          <a:rPr lang="en-GB" i="1" kern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GB" i="1" kern="0" smtClean="0">
                            <a:latin typeface="Cambria Math" panose="02040503050406030204" pitchFamily="18" charset="0"/>
                          </a:rPr>
                          <m:t>𝜇</m:t>
                        </m:r>
                      </m:e>
                      <m:sub>
                        <m:r>
                          <a:rPr lang="en-GB" i="1" kern="0" smtClean="0">
                            <a:latin typeface="Cambria Math" panose="02040503050406030204" pitchFamily="18" charset="0"/>
                          </a:rPr>
                          <m:t>0</m:t>
                        </m:r>
                      </m:sub>
                    </m:sSub>
                    <m:d>
                      <m:dPr>
                        <m:ctrlPr>
                          <a:rPr lang="en-GB" i="1" kern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GB" b="1" i="1" kern="0" smtClean="0">
                            <a:latin typeface="Cambria Math" panose="02040503050406030204" pitchFamily="18" charset="0"/>
                          </a:rPr>
                          <m:t>𝑯</m:t>
                        </m:r>
                        <m:r>
                          <a:rPr lang="en-GB" i="1" kern="0" smtClean="0">
                            <a:latin typeface="Cambria Math" panose="02040503050406030204" pitchFamily="18" charset="0"/>
                          </a:rPr>
                          <m:t>+</m:t>
                        </m:r>
                        <m:r>
                          <a:rPr lang="en-GB" b="1" i="1" kern="0" smtClean="0">
                            <a:latin typeface="Cambria Math" panose="02040503050406030204" pitchFamily="18" charset="0"/>
                          </a:rPr>
                          <m:t>𝑴</m:t>
                        </m:r>
                      </m:e>
                    </m:d>
                  </m:oMath>
                </a14:m>
                <a:endParaRPr lang="en-GB" b="1" kern="0" dirty="0"/>
              </a:p>
              <a:p>
                <a:pPr marL="324000" lvl="2" indent="0">
                  <a:buFont typeface="Arial" panose="020B0604020202020204" pitchFamily="34" charset="0"/>
                  <a:buNone/>
                </a:pPr>
                <a:endParaRPr lang="en-GB" b="1" kern="0" dirty="0"/>
              </a:p>
              <a:p>
                <a:pPr marL="324000" lvl="2" indent="0">
                  <a:buFont typeface="Arial" panose="020B0604020202020204" pitchFamily="34" charset="0"/>
                  <a:buNone/>
                </a:pPr>
                <a:r>
                  <a:rPr lang="en-GB" b="1" kern="0" dirty="0"/>
                  <a:t>                    </a:t>
                </a:r>
                <a14:m>
                  <m:oMath xmlns:m="http://schemas.openxmlformats.org/officeDocument/2006/math">
                    <m:r>
                      <a:rPr lang="en-GB" b="1" kern="0" smtClean="0">
                        <a:latin typeface="Cambria Math" panose="02040503050406030204" pitchFamily="18" charset="0"/>
                      </a:rPr>
                      <m:t>                                                  </m:t>
                    </m:r>
                    <m:r>
                      <a:rPr lang="en-GB" b="1" i="1" kern="0" smtClean="0">
                        <a:latin typeface="Cambria Math" panose="02040503050406030204" pitchFamily="18" charset="0"/>
                      </a:rPr>
                      <m:t>𝑴</m:t>
                    </m:r>
                    <m:r>
                      <a:rPr lang="en-GB" i="1" kern="0" smtClean="0">
                        <a:latin typeface="Cambria Math" panose="02040503050406030204" pitchFamily="18" charset="0"/>
                      </a:rPr>
                      <m:t>=</m:t>
                    </m:r>
                    <m:r>
                      <a:rPr lang="en-GB" b="1" i="1" kern="0" smtClean="0">
                        <a:latin typeface="Cambria Math" panose="02040503050406030204" pitchFamily="18" charset="0"/>
                      </a:rPr>
                      <m:t>𝝌</m:t>
                    </m:r>
                    <m:r>
                      <a:rPr lang="en-GB" b="1" i="1" kern="0" smtClean="0">
                        <a:latin typeface="Cambria Math" panose="02040503050406030204" pitchFamily="18" charset="0"/>
                      </a:rPr>
                      <m:t>𝑯</m:t>
                    </m:r>
                  </m:oMath>
                </a14:m>
                <a:endParaRPr lang="en-GB" kern="0" dirty="0"/>
              </a:p>
              <a:p>
                <a:pPr lvl="1"/>
                <a:endParaRPr lang="en-GB" kern="0" dirty="0"/>
              </a:p>
              <a:p>
                <a:pPr lvl="1"/>
                <a:endParaRPr lang="en-GB" kern="0" dirty="0"/>
              </a:p>
              <a:p>
                <a:pPr lvl="2"/>
                <a:endParaRPr lang="en-GB" kern="0" dirty="0"/>
              </a:p>
              <a:p>
                <a:pPr lvl="2"/>
                <a:r>
                  <a:rPr lang="en-GB" kern="0" dirty="0"/>
                  <a:t>Direction of largest susceptibility </a:t>
                </a:r>
                <a:r>
                  <a:rPr lang="en-GB" kern="0" dirty="0">
                    <a:sym typeface="Wingdings" panose="05000000000000000000" pitchFamily="2" charset="2"/>
                  </a:rPr>
                  <a:t> magnetic easy axis</a:t>
                </a:r>
                <a:endParaRPr lang="en-GB" kern="0" dirty="0"/>
              </a:p>
              <a:p>
                <a:pPr lvl="1"/>
                <a:endParaRPr lang="en-GB" kern="0" dirty="0"/>
              </a:p>
              <a:p>
                <a:pPr lvl="1"/>
                <a:endParaRPr lang="en-GB" kern="0" dirty="0"/>
              </a:p>
              <a:p>
                <a:pPr lvl="1"/>
                <a:endParaRPr lang="en-GB" kern="0" dirty="0"/>
              </a:p>
            </p:txBody>
          </p:sp>
        </mc:Choice>
        <mc:Fallback xmlns="">
          <p:sp>
            <p:nvSpPr>
              <p:cNvPr id="34" name="Pladsholder til tekst 3">
                <a:extLst>
                  <a:ext uri="{FF2B5EF4-FFF2-40B4-BE49-F238E27FC236}">
                    <a16:creationId xmlns:a16="http://schemas.microsoft.com/office/drawing/2014/main" id="{142A7AE2-FF0B-4120-86B7-2FE06F15F82F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070076" y="2641252"/>
                <a:ext cx="8446183" cy="2947988"/>
              </a:xfrm>
              <a:prstGeom prst="rect">
                <a:avLst/>
              </a:prstGeom>
              <a:blipFill>
                <a:blip r:embed="rId4"/>
                <a:stretch>
                  <a:fillRect b="-6818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4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use of neutrons in mm</a:t>
            </a:r>
          </a:p>
        </p:txBody>
      </p:sp>
      <p:sp>
        <p:nvSpPr>
          <p:cNvPr id="6" name="Ellipse 5">
            <a:extLst>
              <a:ext uri="{FF2B5EF4-FFF2-40B4-BE49-F238E27FC236}">
                <a16:creationId xmlns:a16="http://schemas.microsoft.com/office/drawing/2014/main" id="{D3382CDE-43E8-48F4-A346-E486CF62DDDE}"/>
              </a:ext>
            </a:extLst>
          </p:cNvPr>
          <p:cNvSpPr/>
          <p:nvPr/>
        </p:nvSpPr>
        <p:spPr bwMode="auto">
          <a:xfrm rot="20971154">
            <a:off x="1421269" y="2647372"/>
            <a:ext cx="288628" cy="1275730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Ellipse 6">
            <a:extLst>
              <a:ext uri="{FF2B5EF4-FFF2-40B4-BE49-F238E27FC236}">
                <a16:creationId xmlns:a16="http://schemas.microsoft.com/office/drawing/2014/main" id="{154E9899-95E9-4548-BE2D-3EE1C261FFA2}"/>
              </a:ext>
            </a:extLst>
          </p:cNvPr>
          <p:cNvSpPr/>
          <p:nvPr/>
        </p:nvSpPr>
        <p:spPr bwMode="auto">
          <a:xfrm rot="20971154">
            <a:off x="2565749" y="3264635"/>
            <a:ext cx="288628" cy="1275730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Parallelogram 7">
            <a:extLst>
              <a:ext uri="{FF2B5EF4-FFF2-40B4-BE49-F238E27FC236}">
                <a16:creationId xmlns:a16="http://schemas.microsoft.com/office/drawing/2014/main" id="{C614B5B4-D8CC-46CD-BB91-4F86CCB25757}"/>
              </a:ext>
            </a:extLst>
          </p:cNvPr>
          <p:cNvSpPr/>
          <p:nvPr/>
        </p:nvSpPr>
        <p:spPr bwMode="auto">
          <a:xfrm>
            <a:off x="679040" y="2493283"/>
            <a:ext cx="2952328" cy="2160240"/>
          </a:xfrm>
          <a:prstGeom prst="parallelogram">
            <a:avLst/>
          </a:prstGeom>
          <a:noFill/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Ellipse 8">
            <a:extLst>
              <a:ext uri="{FF2B5EF4-FFF2-40B4-BE49-F238E27FC236}">
                <a16:creationId xmlns:a16="http://schemas.microsoft.com/office/drawing/2014/main" id="{6A426A49-43F8-4004-AB43-1EA8BCC6B9AB}"/>
              </a:ext>
            </a:extLst>
          </p:cNvPr>
          <p:cNvSpPr/>
          <p:nvPr/>
        </p:nvSpPr>
        <p:spPr bwMode="auto">
          <a:xfrm rot="20971154">
            <a:off x="1842350" y="2267416"/>
            <a:ext cx="590947" cy="2611974"/>
          </a:xfrm>
          <a:prstGeom prst="ellipse">
            <a:avLst/>
          </a:prstGeom>
          <a:solidFill>
            <a:schemeClr val="accent3">
              <a:lumMod val="75000"/>
              <a:alpha val="47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pSp>
        <p:nvGrpSpPr>
          <p:cNvPr id="10" name="Gruppe 9">
            <a:extLst>
              <a:ext uri="{FF2B5EF4-FFF2-40B4-BE49-F238E27FC236}">
                <a16:creationId xmlns:a16="http://schemas.microsoft.com/office/drawing/2014/main" id="{E6E020A4-AAB7-4FD4-B4E2-C1D4D083631F}"/>
              </a:ext>
            </a:extLst>
          </p:cNvPr>
          <p:cNvGrpSpPr/>
          <p:nvPr/>
        </p:nvGrpSpPr>
        <p:grpSpPr>
          <a:xfrm>
            <a:off x="679040" y="2267416"/>
            <a:ext cx="2952328" cy="2611974"/>
            <a:chOff x="4213076" y="1447744"/>
            <a:chExt cx="2952328" cy="2611974"/>
          </a:xfrm>
        </p:grpSpPr>
        <p:sp>
          <p:nvSpPr>
            <p:cNvPr id="11" name="Parallelogram 10">
              <a:extLst>
                <a:ext uri="{FF2B5EF4-FFF2-40B4-BE49-F238E27FC236}">
                  <a16:creationId xmlns:a16="http://schemas.microsoft.com/office/drawing/2014/main" id="{FC1A0969-8DB8-4D3E-8CB1-A2BF39E44C3B}"/>
                </a:ext>
              </a:extLst>
            </p:cNvPr>
            <p:cNvSpPr/>
            <p:nvPr/>
          </p:nvSpPr>
          <p:spPr bwMode="auto">
            <a:xfrm>
              <a:off x="4213076" y="1673611"/>
              <a:ext cx="2952328" cy="2160240"/>
            </a:xfrm>
            <a:prstGeom prst="parallelogram">
              <a:avLst/>
            </a:prstGeom>
            <a:noFill/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2" name="Ellipse 11">
              <a:extLst>
                <a:ext uri="{FF2B5EF4-FFF2-40B4-BE49-F238E27FC236}">
                  <a16:creationId xmlns:a16="http://schemas.microsoft.com/office/drawing/2014/main" id="{CAF382DB-2E4C-4CBD-A1CD-3B9D5E80E953}"/>
                </a:ext>
              </a:extLst>
            </p:cNvPr>
            <p:cNvSpPr/>
            <p:nvPr/>
          </p:nvSpPr>
          <p:spPr bwMode="auto">
            <a:xfrm rot="20971154">
              <a:off x="5376386" y="1447744"/>
              <a:ext cx="590947" cy="2611974"/>
            </a:xfrm>
            <a:prstGeom prst="ellipse">
              <a:avLst/>
            </a:prstGeom>
            <a:solidFill>
              <a:schemeClr val="accent3">
                <a:lumMod val="75000"/>
                <a:alpha val="47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grpSp>
        <p:nvGrpSpPr>
          <p:cNvPr id="13" name="Gruppe 12">
            <a:extLst>
              <a:ext uri="{FF2B5EF4-FFF2-40B4-BE49-F238E27FC236}">
                <a16:creationId xmlns:a16="http://schemas.microsoft.com/office/drawing/2014/main" id="{0266E20C-D05B-4D1E-8BD9-8133E7F6760E}"/>
              </a:ext>
            </a:extLst>
          </p:cNvPr>
          <p:cNvGrpSpPr/>
          <p:nvPr/>
        </p:nvGrpSpPr>
        <p:grpSpPr>
          <a:xfrm>
            <a:off x="3599839" y="4191487"/>
            <a:ext cx="237591" cy="1291009"/>
            <a:chOff x="3707904" y="2720901"/>
            <a:chExt cx="237591" cy="1291009"/>
          </a:xfrm>
        </p:grpSpPr>
        <p:cxnSp>
          <p:nvCxnSpPr>
            <p:cNvPr id="14" name="Lige pilforbindelse 13">
              <a:extLst>
                <a:ext uri="{FF2B5EF4-FFF2-40B4-BE49-F238E27FC236}">
                  <a16:creationId xmlns:a16="http://schemas.microsoft.com/office/drawing/2014/main" id="{CEE17C22-3DF1-4E23-B885-5C9906755CA5}"/>
                </a:ext>
              </a:extLst>
            </p:cNvPr>
            <p:cNvCxnSpPr/>
            <p:nvPr/>
          </p:nvCxnSpPr>
          <p:spPr bwMode="auto">
            <a:xfrm flipV="1">
              <a:off x="3707904" y="2787774"/>
              <a:ext cx="0" cy="1224136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sp>
          <p:nvSpPr>
            <p:cNvPr id="15" name="Tekstfelt 14">
              <a:extLst>
                <a:ext uri="{FF2B5EF4-FFF2-40B4-BE49-F238E27FC236}">
                  <a16:creationId xmlns:a16="http://schemas.microsoft.com/office/drawing/2014/main" id="{3E7C39CA-DF34-4A47-875E-9109CE471C76}"/>
                </a:ext>
              </a:extLst>
            </p:cNvPr>
            <p:cNvSpPr txBox="1"/>
            <p:nvPr/>
          </p:nvSpPr>
          <p:spPr>
            <a:xfrm>
              <a:off x="3807637" y="2720901"/>
              <a:ext cx="137858" cy="233910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5000"/>
                </a:lnSpc>
              </a:pPr>
              <a:r>
                <a:rPr lang="en-GB" sz="1600">
                  <a:latin typeface="+mn-lt"/>
                </a:rPr>
                <a:t>H</a:t>
              </a:r>
              <a:endParaRPr lang="en-GB" sz="1600" dirty="0">
                <a:latin typeface="+mn-lt"/>
              </a:endParaRPr>
            </a:p>
          </p:txBody>
        </p:sp>
      </p:grpSp>
      <p:grpSp>
        <p:nvGrpSpPr>
          <p:cNvPr id="16" name="Gruppe 15">
            <a:extLst>
              <a:ext uri="{FF2B5EF4-FFF2-40B4-BE49-F238E27FC236}">
                <a16:creationId xmlns:a16="http://schemas.microsoft.com/office/drawing/2014/main" id="{2AEEF080-116C-4CD1-87B9-CFDADAA5FC83}"/>
              </a:ext>
            </a:extLst>
          </p:cNvPr>
          <p:cNvGrpSpPr/>
          <p:nvPr/>
        </p:nvGrpSpPr>
        <p:grpSpPr>
          <a:xfrm>
            <a:off x="4810299" y="1533724"/>
            <a:ext cx="5742875" cy="3702180"/>
            <a:chOff x="4245824" y="1275606"/>
            <a:chExt cx="4214608" cy="2716973"/>
          </a:xfrm>
        </p:grpSpPr>
        <p:cxnSp>
          <p:nvCxnSpPr>
            <p:cNvPr id="17" name="Lige pilforbindelse 16">
              <a:extLst>
                <a:ext uri="{FF2B5EF4-FFF2-40B4-BE49-F238E27FC236}">
                  <a16:creationId xmlns:a16="http://schemas.microsoft.com/office/drawing/2014/main" id="{3194961E-D370-4101-95E7-D97697C4CF0F}"/>
                </a:ext>
              </a:extLst>
            </p:cNvPr>
            <p:cNvCxnSpPr/>
            <p:nvPr/>
          </p:nvCxnSpPr>
          <p:spPr bwMode="auto">
            <a:xfrm flipV="1">
              <a:off x="4572794" y="1275606"/>
              <a:ext cx="0" cy="2376264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p:cxnSp>
          <p:nvCxnSpPr>
            <p:cNvPr id="18" name="Lige pilforbindelse 17">
              <a:extLst>
                <a:ext uri="{FF2B5EF4-FFF2-40B4-BE49-F238E27FC236}">
                  <a16:creationId xmlns:a16="http://schemas.microsoft.com/office/drawing/2014/main" id="{5C80B0EC-8FC2-441E-BE08-57A436E186A2}"/>
                </a:ext>
              </a:extLst>
            </p:cNvPr>
            <p:cNvCxnSpPr/>
            <p:nvPr/>
          </p:nvCxnSpPr>
          <p:spPr bwMode="auto">
            <a:xfrm>
              <a:off x="4572794" y="3651870"/>
              <a:ext cx="3887638" cy="0"/>
            </a:xfrm>
            <a:prstGeom prst="straightConnector1">
              <a:avLst/>
            </a:prstGeom>
            <a:solidFill>
              <a:schemeClr val="accent2"/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triangle"/>
            </a:ln>
            <a:effectLst/>
          </p:spPr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9" name="Tekstfelt 18">
                  <a:extLst>
                    <a:ext uri="{FF2B5EF4-FFF2-40B4-BE49-F238E27FC236}">
                      <a16:creationId xmlns:a16="http://schemas.microsoft.com/office/drawing/2014/main" id="{C6104B4F-DC59-41B1-9E96-3FA9958C2E6B}"/>
                    </a:ext>
                  </a:extLst>
                </p:cNvPr>
                <p:cNvSpPr txBox="1"/>
                <p:nvPr/>
              </p:nvSpPr>
              <p:spPr>
                <a:xfrm>
                  <a:off x="5652120" y="3778000"/>
                  <a:ext cx="1377916" cy="21457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000" dirty="0">
                      <a:latin typeface="+mn-lt"/>
                    </a:rPr>
                    <a:t>Rotation angle </a:t>
                  </a:r>
                  <a14:m>
                    <m:oMath xmlns:m="http://schemas.openxmlformats.org/officeDocument/2006/math">
                      <m:r>
                        <a:rPr lang="en-GB" sz="2000" b="0" i="1" smtClean="0">
                          <a:latin typeface="Cambria Math" panose="02040503050406030204" pitchFamily="18" charset="0"/>
                        </a:rPr>
                        <m:t>𝜃</m:t>
                      </m:r>
                    </m:oMath>
                  </a14:m>
                  <a:endParaRPr lang="en-GB" sz="20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19" name="Tekstfelt 18">
                  <a:extLst>
                    <a:ext uri="{FF2B5EF4-FFF2-40B4-BE49-F238E27FC236}">
                      <a16:creationId xmlns:a16="http://schemas.microsoft.com/office/drawing/2014/main" id="{C6104B4F-DC59-41B1-9E96-3FA9958C2E6B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652120" y="3778000"/>
                  <a:ext cx="1377916" cy="214579"/>
                </a:xfrm>
                <a:prstGeom prst="rect">
                  <a:avLst/>
                </a:prstGeom>
                <a:blipFill>
                  <a:blip r:embed="rId4"/>
                  <a:stretch>
                    <a:fillRect l="-8117" t="-31250" r="-3571" b="-52083"/>
                  </a:stretch>
                </a:blipFill>
              </p:spPr>
              <p:txBody>
                <a:bodyPr/>
                <a:lstStyle/>
                <a:p>
                  <a:r>
                    <a:rPr lang="da-DK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20" name="Tekstfelt 19">
                  <a:extLst>
                    <a:ext uri="{FF2B5EF4-FFF2-40B4-BE49-F238E27FC236}">
                      <a16:creationId xmlns:a16="http://schemas.microsoft.com/office/drawing/2014/main" id="{95D6DA0F-C1A3-46E7-AD40-8B04FFF8C344}"/>
                    </a:ext>
                  </a:extLst>
                </p:cNvPr>
                <p:cNvSpPr txBox="1"/>
                <p:nvPr/>
              </p:nvSpPr>
              <p:spPr>
                <a:xfrm rot="16200000">
                  <a:off x="3733400" y="2334086"/>
                  <a:ext cx="1239428" cy="214579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>
                    <a:lnSpc>
                      <a:spcPct val="95000"/>
                    </a:lnSpc>
                  </a:pPr>
                  <a:r>
                    <a:rPr lang="en-GB" sz="2000" dirty="0">
                      <a:latin typeface="+mn-lt"/>
                    </a:rPr>
                    <a:t>Susceptibility </a:t>
                  </a:r>
                  <a14:m>
                    <m:oMath xmlns:m="http://schemas.openxmlformats.org/officeDocument/2006/math">
                      <m:r>
                        <a:rPr lang="en-GB" sz="2000" b="0" i="1" smtClean="0">
                          <a:latin typeface="Cambria Math" panose="02040503050406030204" pitchFamily="18" charset="0"/>
                        </a:rPr>
                        <m:t>𝜒</m:t>
                      </m:r>
                    </m:oMath>
                  </a14:m>
                  <a:endParaRPr lang="en-GB" sz="2000" dirty="0">
                    <a:latin typeface="+mn-lt"/>
                  </a:endParaRPr>
                </a:p>
              </p:txBody>
            </p:sp>
          </mc:Choice>
          <mc:Fallback xmlns="">
            <p:sp>
              <p:nvSpPr>
                <p:cNvPr id="20" name="Tekstfelt 19">
                  <a:extLst>
                    <a:ext uri="{FF2B5EF4-FFF2-40B4-BE49-F238E27FC236}">
                      <a16:creationId xmlns:a16="http://schemas.microsoft.com/office/drawing/2014/main" id="{95D6DA0F-C1A3-46E7-AD40-8B04FFF8C34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 rot="16200000">
                  <a:off x="3733400" y="2334086"/>
                  <a:ext cx="1239428" cy="214579"/>
                </a:xfrm>
                <a:prstGeom prst="rect">
                  <a:avLst/>
                </a:prstGeom>
                <a:blipFill>
                  <a:blip r:embed="rId5"/>
                  <a:stretch>
                    <a:fillRect l="-31250" t="-4332" r="-54167" b="-9025"/>
                  </a:stretch>
                </a:blipFill>
              </p:spPr>
              <p:txBody>
                <a:bodyPr/>
                <a:lstStyle/>
                <a:p>
                  <a:r>
                    <a:rPr lang="da-DK">
                      <a:noFill/>
                    </a:rPr>
                    <a:t> </a:t>
                  </a:r>
                </a:p>
              </p:txBody>
            </p:sp>
          </mc:Fallback>
        </mc:AlternateContent>
      </p:grpSp>
      <p:graphicFrame>
        <p:nvGraphicFramePr>
          <p:cNvPr id="21" name="Diagram 20">
            <a:extLst>
              <a:ext uri="{FF2B5EF4-FFF2-40B4-BE49-F238E27FC236}">
                <a16:creationId xmlns:a16="http://schemas.microsoft.com/office/drawing/2014/main" id="{FC43DA23-C2A8-4A99-AD37-3647DF1B4A6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44938378"/>
              </p:ext>
            </p:extLst>
          </p:nvPr>
        </p:nvGraphicFramePr>
        <p:xfrm>
          <a:off x="4775247" y="1283728"/>
          <a:ext cx="6229863" cy="37379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grpSp>
        <p:nvGrpSpPr>
          <p:cNvPr id="22" name="Gruppe 21">
            <a:extLst>
              <a:ext uri="{FF2B5EF4-FFF2-40B4-BE49-F238E27FC236}">
                <a16:creationId xmlns:a16="http://schemas.microsoft.com/office/drawing/2014/main" id="{F6F22A92-DE8E-479D-96C1-F79CAF71831C}"/>
              </a:ext>
            </a:extLst>
          </p:cNvPr>
          <p:cNvGrpSpPr/>
          <p:nvPr/>
        </p:nvGrpSpPr>
        <p:grpSpPr>
          <a:xfrm>
            <a:off x="3294538" y="1283728"/>
            <a:ext cx="5457581" cy="4495332"/>
            <a:chOff x="2445914" y="385279"/>
            <a:chExt cx="4269728" cy="3516914"/>
          </a:xfrm>
        </p:grpSpPr>
        <p:pic>
          <p:nvPicPr>
            <p:cNvPr id="23" name="Billede 22">
              <a:extLst>
                <a:ext uri="{FF2B5EF4-FFF2-40B4-BE49-F238E27FC236}">
                  <a16:creationId xmlns:a16="http://schemas.microsoft.com/office/drawing/2014/main" id="{1AF6B66E-849A-47F6-8A9C-66D39095361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9494"/>
            <a:stretch/>
          </p:blipFill>
          <p:spPr>
            <a:xfrm>
              <a:off x="2445914" y="385279"/>
              <a:ext cx="4269728" cy="3516914"/>
            </a:xfrm>
            <a:prstGeom prst="rect">
              <a:avLst/>
            </a:prstGeom>
          </p:spPr>
        </p:pic>
        <p:sp>
          <p:nvSpPr>
            <p:cNvPr id="24" name="Rektangel 23">
              <a:extLst>
                <a:ext uri="{FF2B5EF4-FFF2-40B4-BE49-F238E27FC236}">
                  <a16:creationId xmlns:a16="http://schemas.microsoft.com/office/drawing/2014/main" id="{B6649A95-05F4-450C-B2EC-C32F85A69B5D}"/>
                </a:ext>
              </a:extLst>
            </p:cNvPr>
            <p:cNvSpPr/>
            <p:nvPr/>
          </p:nvSpPr>
          <p:spPr bwMode="auto">
            <a:xfrm>
              <a:off x="2445914" y="699542"/>
              <a:ext cx="284350" cy="471270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sp>
        <p:nvSpPr>
          <p:cNvPr id="25" name="Tekstfelt 24">
            <a:extLst>
              <a:ext uri="{FF2B5EF4-FFF2-40B4-BE49-F238E27FC236}">
                <a16:creationId xmlns:a16="http://schemas.microsoft.com/office/drawing/2014/main" id="{A39AEB77-6965-4389-A6E3-B5BFD175CC22}"/>
              </a:ext>
            </a:extLst>
          </p:cNvPr>
          <p:cNvSpPr txBox="1"/>
          <p:nvPr/>
        </p:nvSpPr>
        <p:spPr>
          <a:xfrm>
            <a:off x="214841" y="5911000"/>
            <a:ext cx="2115964" cy="1315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900" dirty="0">
                <a:latin typeface="+mn-lt"/>
              </a:rPr>
              <a:t>Qian et al. </a:t>
            </a:r>
            <a:r>
              <a:rPr lang="en-GB" sz="900" i="1" dirty="0">
                <a:latin typeface="+mn-lt"/>
              </a:rPr>
              <a:t>Chem. Sci. </a:t>
            </a:r>
            <a:r>
              <a:rPr lang="en-GB" sz="900" b="1" dirty="0">
                <a:latin typeface="+mn-lt"/>
              </a:rPr>
              <a:t>2015</a:t>
            </a:r>
            <a:r>
              <a:rPr lang="en-GB" sz="900" dirty="0">
                <a:latin typeface="+mn-lt"/>
              </a:rPr>
              <a:t>, </a:t>
            </a:r>
            <a:r>
              <a:rPr lang="en-GB" sz="900" i="1" dirty="0">
                <a:latin typeface="+mn-lt"/>
              </a:rPr>
              <a:t>6</a:t>
            </a:r>
            <a:r>
              <a:rPr lang="en-GB" sz="900" dirty="0">
                <a:latin typeface="+mn-lt"/>
              </a:rPr>
              <a:t>, 4587-4593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21294F3C-01CF-4000-891E-4EF1DA460020}"/>
              </a:ext>
            </a:extLst>
          </p:cNvPr>
          <p:cNvSpPr txBox="1"/>
          <p:nvPr/>
        </p:nvSpPr>
        <p:spPr>
          <a:xfrm>
            <a:off x="3142084" y="3060412"/>
            <a:ext cx="6092001" cy="350865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400" b="1" dirty="0">
                <a:solidFill>
                  <a:srgbClr val="FF0000"/>
                </a:solidFill>
                <a:latin typeface="+mn-lt"/>
              </a:rPr>
              <a:t>Problem: This only works for triclinic crystals!</a:t>
            </a:r>
            <a:endParaRPr lang="en-GB" sz="1800" b="1" dirty="0">
              <a:solidFill>
                <a:srgbClr val="FF0000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682179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4" presetID="1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8" presetClass="emph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49" dur="2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  <p:par>
                                <p:cTn id="50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52" dur="2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0" fill="hold">
                      <p:stCondLst>
                        <p:cond delay="indefinite"/>
                      </p:stCondLst>
                      <p:childTnLst>
                        <p:par>
                          <p:cTn id="61" fill="hold">
                            <p:stCondLst>
                              <p:cond delay="0"/>
                            </p:stCondLst>
                            <p:childTnLst>
                              <p:par>
                                <p:cTn id="6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  <p:bldP spid="7" grpId="0" animBg="1"/>
      <p:bldP spid="7" grpId="1" animBg="1"/>
      <p:bldP spid="8" grpId="0" animBg="1"/>
      <p:bldP spid="8" grpId="1" animBg="1"/>
      <p:bldP spid="8" grpId="2" animBg="1"/>
      <p:bldP spid="9" grpId="0" animBg="1"/>
      <p:bldP spid="9" grpId="1" animBg="1"/>
      <p:bldP spid="9" grpId="2" animBg="1"/>
      <p:bldGraphic spid="21" grpId="0">
        <p:bldAsOne/>
      </p:bldGraphic>
      <p:bldP spid="25" grpId="0"/>
      <p:bldP spid="26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use of neutrons in mm</a:t>
            </a:r>
          </a:p>
        </p:txBody>
      </p:sp>
      <p:grpSp>
        <p:nvGrpSpPr>
          <p:cNvPr id="27" name="Gruppe 26">
            <a:extLst>
              <a:ext uri="{FF2B5EF4-FFF2-40B4-BE49-F238E27FC236}">
                <a16:creationId xmlns:a16="http://schemas.microsoft.com/office/drawing/2014/main" id="{20BB2E60-DF74-4B27-9CE3-15804879C119}"/>
              </a:ext>
            </a:extLst>
          </p:cNvPr>
          <p:cNvGrpSpPr/>
          <p:nvPr/>
        </p:nvGrpSpPr>
        <p:grpSpPr>
          <a:xfrm>
            <a:off x="715662" y="2717096"/>
            <a:ext cx="2952328" cy="2611974"/>
            <a:chOff x="640890" y="1202772"/>
            <a:chExt cx="2952328" cy="2611974"/>
          </a:xfrm>
        </p:grpSpPr>
        <p:sp>
          <p:nvSpPr>
            <p:cNvPr id="28" name="Ellipse 27">
              <a:extLst>
                <a:ext uri="{FF2B5EF4-FFF2-40B4-BE49-F238E27FC236}">
                  <a16:creationId xmlns:a16="http://schemas.microsoft.com/office/drawing/2014/main" id="{8171ED77-0308-4361-A587-57C04C9E0A2D}"/>
                </a:ext>
              </a:extLst>
            </p:cNvPr>
            <p:cNvSpPr/>
            <p:nvPr/>
          </p:nvSpPr>
          <p:spPr bwMode="auto">
            <a:xfrm rot="20971154">
              <a:off x="1383119" y="1582728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29" name="Ellipse 28">
              <a:extLst>
                <a:ext uri="{FF2B5EF4-FFF2-40B4-BE49-F238E27FC236}">
                  <a16:creationId xmlns:a16="http://schemas.microsoft.com/office/drawing/2014/main" id="{D1828BC2-3EEC-49AF-B154-EB4E9A160AB9}"/>
                </a:ext>
              </a:extLst>
            </p:cNvPr>
            <p:cNvSpPr/>
            <p:nvPr/>
          </p:nvSpPr>
          <p:spPr bwMode="auto">
            <a:xfrm rot="20971154">
              <a:off x="2527599" y="2199991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grpSp>
          <p:nvGrpSpPr>
            <p:cNvPr id="30" name="Gruppe 29">
              <a:extLst>
                <a:ext uri="{FF2B5EF4-FFF2-40B4-BE49-F238E27FC236}">
                  <a16:creationId xmlns:a16="http://schemas.microsoft.com/office/drawing/2014/main" id="{F04DBB3C-B8C6-4CEA-B7E1-DB8697D82419}"/>
                </a:ext>
              </a:extLst>
            </p:cNvPr>
            <p:cNvGrpSpPr/>
            <p:nvPr/>
          </p:nvGrpSpPr>
          <p:grpSpPr>
            <a:xfrm>
              <a:off x="640890" y="1202772"/>
              <a:ext cx="2952328" cy="2611974"/>
              <a:chOff x="4213076" y="1447744"/>
              <a:chExt cx="2952328" cy="2611974"/>
            </a:xfrm>
          </p:grpSpPr>
          <p:sp>
            <p:nvSpPr>
              <p:cNvPr id="31" name="Parallelogram 30">
                <a:extLst>
                  <a:ext uri="{FF2B5EF4-FFF2-40B4-BE49-F238E27FC236}">
                    <a16:creationId xmlns:a16="http://schemas.microsoft.com/office/drawing/2014/main" id="{DD7DBD88-8110-4126-BF4A-AF7E18CE8358}"/>
                  </a:ext>
                </a:extLst>
              </p:cNvPr>
              <p:cNvSpPr/>
              <p:nvPr/>
            </p:nvSpPr>
            <p:spPr bwMode="auto">
              <a:xfrm>
                <a:off x="4213076" y="1673611"/>
                <a:ext cx="2952328" cy="2160240"/>
              </a:xfrm>
              <a:prstGeom prst="parallelogram">
                <a:avLst/>
              </a:prstGeom>
              <a:noFill/>
              <a:ln w="1778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  <p:sp>
            <p:nvSpPr>
              <p:cNvPr id="32" name="Ellipse 31">
                <a:extLst>
                  <a:ext uri="{FF2B5EF4-FFF2-40B4-BE49-F238E27FC236}">
                    <a16:creationId xmlns:a16="http://schemas.microsoft.com/office/drawing/2014/main" id="{2100A88D-CA68-46A3-8E58-A1F176E106A2}"/>
                  </a:ext>
                </a:extLst>
              </p:cNvPr>
              <p:cNvSpPr/>
              <p:nvPr/>
            </p:nvSpPr>
            <p:spPr bwMode="auto">
              <a:xfrm rot="20971154">
                <a:off x="5376386" y="1447744"/>
                <a:ext cx="590947" cy="2611974"/>
              </a:xfrm>
              <a:prstGeom prst="ellipse">
                <a:avLst/>
              </a:prstGeom>
              <a:solidFill>
                <a:schemeClr val="accent3">
                  <a:lumMod val="75000"/>
                  <a:alpha val="47000"/>
                </a:schemeClr>
              </a:solidFill>
              <a:ln w="1778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marL="0" marR="0" indent="0" algn="l" defTabSz="914400" rtl="0" eaLnBrk="1" fontAlgn="base" latinLnBrk="0" hangingPunct="1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 typeface="AU Passata" pitchFamily="34" charset="0"/>
                  <a:buNone/>
                  <a:tabLst/>
                </a:pPr>
                <a:endParaRPr kumimoji="0" lang="en-GB" sz="16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U Passata" pitchFamily="34" charset="0"/>
                </a:endParaRPr>
              </a:p>
            </p:txBody>
          </p:sp>
        </p:grpSp>
      </p:grpSp>
      <p:grpSp>
        <p:nvGrpSpPr>
          <p:cNvPr id="33" name="Gruppe 32">
            <a:extLst>
              <a:ext uri="{FF2B5EF4-FFF2-40B4-BE49-F238E27FC236}">
                <a16:creationId xmlns:a16="http://schemas.microsoft.com/office/drawing/2014/main" id="{8281D5F3-51B3-4D58-9D08-43A8C95D4B45}"/>
              </a:ext>
            </a:extLst>
          </p:cNvPr>
          <p:cNvGrpSpPr/>
          <p:nvPr/>
        </p:nvGrpSpPr>
        <p:grpSpPr>
          <a:xfrm>
            <a:off x="5657028" y="2914424"/>
            <a:ext cx="3240360" cy="2223231"/>
            <a:chOff x="4788024" y="1428639"/>
            <a:chExt cx="3240360" cy="2223231"/>
          </a:xfrm>
        </p:grpSpPr>
        <p:sp>
          <p:nvSpPr>
            <p:cNvPr id="34" name="Rektangel 33">
              <a:extLst>
                <a:ext uri="{FF2B5EF4-FFF2-40B4-BE49-F238E27FC236}">
                  <a16:creationId xmlns:a16="http://schemas.microsoft.com/office/drawing/2014/main" id="{5295F84A-4439-4B3A-8287-971BDCD5E56D}"/>
                </a:ext>
              </a:extLst>
            </p:cNvPr>
            <p:cNvSpPr/>
            <p:nvPr/>
          </p:nvSpPr>
          <p:spPr bwMode="auto">
            <a:xfrm>
              <a:off x="4788024" y="1428639"/>
              <a:ext cx="3240360" cy="2223231"/>
            </a:xfrm>
            <a:prstGeom prst="rect">
              <a:avLst/>
            </a:prstGeom>
            <a:solidFill>
              <a:schemeClr val="bg1"/>
            </a:solidFill>
            <a:ln w="1778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5" name="Ellipse 34">
              <a:extLst>
                <a:ext uri="{FF2B5EF4-FFF2-40B4-BE49-F238E27FC236}">
                  <a16:creationId xmlns:a16="http://schemas.microsoft.com/office/drawing/2014/main" id="{E0C2535A-D771-4226-A7CB-5D4C84C2138A}"/>
                </a:ext>
              </a:extLst>
            </p:cNvPr>
            <p:cNvSpPr/>
            <p:nvPr/>
          </p:nvSpPr>
          <p:spPr bwMode="auto">
            <a:xfrm rot="20971154">
              <a:off x="5366562" y="1539165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6" name="Ellipse 35">
              <a:extLst>
                <a:ext uri="{FF2B5EF4-FFF2-40B4-BE49-F238E27FC236}">
                  <a16:creationId xmlns:a16="http://schemas.microsoft.com/office/drawing/2014/main" id="{A2010816-F306-408D-8ED8-B2BA61BC29CF}"/>
                </a:ext>
              </a:extLst>
            </p:cNvPr>
            <p:cNvSpPr/>
            <p:nvPr/>
          </p:nvSpPr>
          <p:spPr bwMode="auto">
            <a:xfrm rot="4849935">
              <a:off x="5560536" y="2560851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7" name="Ellipse 36">
              <a:extLst>
                <a:ext uri="{FF2B5EF4-FFF2-40B4-BE49-F238E27FC236}">
                  <a16:creationId xmlns:a16="http://schemas.microsoft.com/office/drawing/2014/main" id="{746C7BFF-3590-4F03-BF75-20B3F376065C}"/>
                </a:ext>
              </a:extLst>
            </p:cNvPr>
            <p:cNvSpPr/>
            <p:nvPr/>
          </p:nvSpPr>
          <p:spPr bwMode="auto">
            <a:xfrm rot="4849935">
              <a:off x="6740700" y="1228123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38" name="Ellipse 37">
              <a:extLst>
                <a:ext uri="{FF2B5EF4-FFF2-40B4-BE49-F238E27FC236}">
                  <a16:creationId xmlns:a16="http://schemas.microsoft.com/office/drawing/2014/main" id="{869F2374-CE20-48BD-9D78-B6EAB01830EE}"/>
                </a:ext>
              </a:extLst>
            </p:cNvPr>
            <p:cNvSpPr/>
            <p:nvPr/>
          </p:nvSpPr>
          <p:spPr bwMode="auto">
            <a:xfrm rot="20971154">
              <a:off x="7103796" y="2276008"/>
              <a:ext cx="288628" cy="1275730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1778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en-GB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39" name="Rektangel 38">
                <a:extLst>
                  <a:ext uri="{FF2B5EF4-FFF2-40B4-BE49-F238E27FC236}">
                    <a16:creationId xmlns:a16="http://schemas.microsoft.com/office/drawing/2014/main" id="{9C64E8E3-75D7-432A-8872-97F2138045A8}"/>
                  </a:ext>
                </a:extLst>
              </p:cNvPr>
              <p:cNvSpPr/>
              <p:nvPr/>
            </p:nvSpPr>
            <p:spPr>
              <a:xfrm>
                <a:off x="2332004" y="1405242"/>
                <a:ext cx="2195503" cy="70788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600" b="1" i="1"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en-GB" sz="1600" b="0" i="1">
                              <a:latin typeface="Cambria Math" panose="02040503050406030204" pitchFamily="18" charset="0"/>
                            </a:rPr>
                            <m:t>𝑠𝑖𝑡𝑒</m:t>
                          </m:r>
                        </m:sub>
                      </m:sSub>
                      <m:r>
                        <a:rPr lang="en-GB" sz="1600" b="0" i="0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1600" b="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plcHide m:val="on"/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1600" b="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1600" dirty="0"/>
              </a:p>
            </p:txBody>
          </p:sp>
        </mc:Choice>
        <mc:Fallback xmlns="">
          <p:sp>
            <p:nvSpPr>
              <p:cNvPr id="39" name="Rektangel 38">
                <a:extLst>
                  <a:ext uri="{FF2B5EF4-FFF2-40B4-BE49-F238E27FC236}">
                    <a16:creationId xmlns:a16="http://schemas.microsoft.com/office/drawing/2014/main" id="{9C64E8E3-75D7-432A-8872-97F2138045A8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32004" y="1405242"/>
                <a:ext cx="2195503" cy="707886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Rektangel 39">
                <a:extLst>
                  <a:ext uri="{FF2B5EF4-FFF2-40B4-BE49-F238E27FC236}">
                    <a16:creationId xmlns:a16="http://schemas.microsoft.com/office/drawing/2014/main" id="{DCB6BC44-A471-4F7B-8BF9-35F92CB634B9}"/>
                  </a:ext>
                </a:extLst>
              </p:cNvPr>
              <p:cNvSpPr/>
              <p:nvPr/>
            </p:nvSpPr>
            <p:spPr>
              <a:xfrm>
                <a:off x="8614692" y="5330033"/>
                <a:ext cx="2241832" cy="70788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600" b="1" i="1" smtClean="0"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en-GB" sz="1600" b="0" i="1" smtClean="0">
                              <a:latin typeface="Cambria Math" panose="02040503050406030204" pitchFamily="18" charset="0"/>
                            </a:rPr>
                            <m:t>𝑢</m:t>
                          </m:r>
                          <m:r>
                            <a:rPr lang="en-GB" sz="1600" b="0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  <m:r>
                            <a:rPr lang="en-GB" sz="1600" b="0" i="1" smtClean="0">
                              <a:latin typeface="Cambria Math" panose="02040503050406030204" pitchFamily="18" charset="0"/>
                            </a:rPr>
                            <m:t>𝑐</m:t>
                          </m:r>
                          <m:r>
                            <a:rPr lang="en-GB" sz="1600" b="0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</m:sub>
                      </m:sSub>
                      <m:r>
                        <a:rPr lang="en-GB" sz="16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GB" sz="1600">
                          <a:latin typeface="Cambria Math" panose="02040503050406030204" pitchFamily="18" charset="0"/>
                        </a:rPr>
                        <m:t>4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16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plcHide m:val="on"/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16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i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r>
                                  <a:rPr lang="en-GB" sz="1600" i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r>
                                  <a:rPr lang="en-GB" sz="1600" i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i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  <m:e>
                                <m:r>
                                  <a:rPr lang="en-GB" sz="1600" i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  <m:e>
                                <m:r>
                                  <a:rPr lang="en-GB" sz="1600" i="0">
                                    <a:latin typeface="Cambria Math" panose="02040503050406030204" pitchFamily="18" charset="0"/>
                                  </a:rPr>
                                  <m:t>0</m:t>
                                </m:r>
                              </m:e>
                              <m:e>
                                <m:sSub>
                                  <m:sSubPr>
                                    <m:ctrlP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i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1600" dirty="0"/>
              </a:p>
            </p:txBody>
          </p:sp>
        </mc:Choice>
        <mc:Fallback xmlns="">
          <p:sp>
            <p:nvSpPr>
              <p:cNvPr id="40" name="Rektangel 39">
                <a:extLst>
                  <a:ext uri="{FF2B5EF4-FFF2-40B4-BE49-F238E27FC236}">
                    <a16:creationId xmlns:a16="http://schemas.microsoft.com/office/drawing/2014/main" id="{DCB6BC44-A471-4F7B-8BF9-35F92CB634B9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614692" y="5330033"/>
                <a:ext cx="2241832" cy="707886"/>
              </a:xfrm>
              <a:prstGeom prst="rect">
                <a:avLst/>
              </a:prstGeom>
              <a:blipFill>
                <a:blip r:embed="rId5"/>
                <a:stretch>
                  <a:fillRect t="-6034" b="-1724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Rektangel 40">
                <a:extLst>
                  <a:ext uri="{FF2B5EF4-FFF2-40B4-BE49-F238E27FC236}">
                    <a16:creationId xmlns:a16="http://schemas.microsoft.com/office/drawing/2014/main" id="{B2A0B563-9D9F-4504-B655-C7F4AAFC6173}"/>
                  </a:ext>
                </a:extLst>
              </p:cNvPr>
              <p:cNvSpPr/>
              <p:nvPr/>
            </p:nvSpPr>
            <p:spPr>
              <a:xfrm>
                <a:off x="2533517" y="5330033"/>
                <a:ext cx="2493340" cy="70788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600" b="1" i="1"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en-GB" sz="1600" b="1" i="1" smtClean="0">
                              <a:latin typeface="Cambria Math" panose="02040503050406030204" pitchFamily="18" charset="0"/>
                            </a:rPr>
                            <m:t>𝒖</m:t>
                          </m:r>
                          <m:r>
                            <a:rPr lang="en-GB" sz="1600" b="1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  <m:r>
                            <a:rPr lang="en-GB" sz="1600" b="1" i="1" smtClean="0">
                              <a:latin typeface="Cambria Math" panose="02040503050406030204" pitchFamily="18" charset="0"/>
                            </a:rPr>
                            <m:t>𝒄</m:t>
                          </m:r>
                          <m:r>
                            <a:rPr lang="en-GB" sz="1600" b="1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</m:sub>
                      </m:sSub>
                      <m:r>
                        <a:rPr lang="en-GB" sz="1600" b="0" i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GB" sz="1600" b="0" i="0" smtClean="0">
                          <a:latin typeface="Cambria Math" panose="02040503050406030204" pitchFamily="18" charset="0"/>
                        </a:rPr>
                        <m:t>2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1600" b="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plcHide m:val="on"/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1600" b="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4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2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5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6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1600" b="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1600" b="0" i="0">
                                        <a:latin typeface="Cambria Math" panose="02040503050406030204" pitchFamily="18" charset="0"/>
                                      </a:rPr>
                                      <m:t>3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1600" dirty="0"/>
              </a:p>
            </p:txBody>
          </p:sp>
        </mc:Choice>
        <mc:Fallback xmlns="">
          <p:sp>
            <p:nvSpPr>
              <p:cNvPr id="41" name="Rektangel 40">
                <a:extLst>
                  <a:ext uri="{FF2B5EF4-FFF2-40B4-BE49-F238E27FC236}">
                    <a16:creationId xmlns:a16="http://schemas.microsoft.com/office/drawing/2014/main" id="{B2A0B563-9D9F-4504-B655-C7F4AAFC617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33517" y="5330033"/>
                <a:ext cx="2493340" cy="707886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8" name="Rektangel 17">
                <a:extLst>
                  <a:ext uri="{FF2B5EF4-FFF2-40B4-BE49-F238E27FC236}">
                    <a16:creationId xmlns:a16="http://schemas.microsoft.com/office/drawing/2014/main" id="{72F60116-2487-44B3-B367-85D0F85501C6}"/>
                  </a:ext>
                </a:extLst>
              </p:cNvPr>
              <p:cNvSpPr/>
              <p:nvPr/>
            </p:nvSpPr>
            <p:spPr>
              <a:xfrm>
                <a:off x="6379326" y="1400061"/>
                <a:ext cx="2518062" cy="70788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16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1600" b="1" i="1"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𝒖</m:t>
                          </m:r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𝒄</m:t>
                          </m:r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.</m:t>
                          </m:r>
                        </m:sub>
                      </m:sSub>
                      <m:r>
                        <a:rPr lang="en-GB" sz="1600" b="0" i="0"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supHide m:val="on"/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da-DK" sz="1600" b="1" i="1" smtClean="0">
                                  <a:latin typeface="Cambria Math" panose="02040503050406030204" pitchFamily="18" charset="0"/>
                                </a:rPr>
                                <m:t>𝑹</m:t>
                              </m:r>
                            </m:e>
                            <m:sub>
                              <m:r>
                                <a:rPr lang="da-DK" sz="1600" b="0" i="1" smtClean="0"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</m:e>
                      </m:nary>
                      <m:sSub>
                        <m:sSub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𝑠𝑖𝑡𝑒</m:t>
                          </m:r>
                        </m:sub>
                      </m:sSub>
                      <m:sSubSup>
                        <m:sSubSupPr>
                          <m:ctrlPr>
                            <a:rPr lang="da-DK" sz="1600" b="0" i="1" smtClean="0">
                              <a:latin typeface="Cambria Math" panose="02040503050406030204" pitchFamily="18" charset="0"/>
                            </a:rPr>
                          </m:ctrlPr>
                        </m:sSubSupPr>
                        <m:e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𝑹</m:t>
                          </m:r>
                        </m:e>
                        <m:sub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</m:sub>
                        <m:sup>
                          <m:r>
                            <a:rPr lang="da-DK" sz="1600" b="0" i="1" smtClean="0">
                              <a:latin typeface="Cambria Math" panose="02040503050406030204" pitchFamily="18" charset="0"/>
                            </a:rPr>
                            <m:t>−1</m:t>
                          </m:r>
                        </m:sup>
                      </m:sSubSup>
                    </m:oMath>
                  </m:oMathPara>
                </a14:m>
                <a:endParaRPr lang="en-GB" sz="1600" dirty="0"/>
              </a:p>
            </p:txBody>
          </p:sp>
        </mc:Choice>
        <mc:Fallback xmlns="">
          <p:sp>
            <p:nvSpPr>
              <p:cNvPr id="18" name="Rektangel 17">
                <a:extLst>
                  <a:ext uri="{FF2B5EF4-FFF2-40B4-BE49-F238E27FC236}">
                    <a16:creationId xmlns:a16="http://schemas.microsoft.com/office/drawing/2014/main" id="{72F60116-2487-44B3-B367-85D0F85501C6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379326" y="1400061"/>
                <a:ext cx="2518062" cy="707886"/>
              </a:xfrm>
              <a:prstGeom prst="rect">
                <a:avLst/>
              </a:prstGeom>
              <a:blipFill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C5F3F9FF-972E-40F1-8DD6-290F37C3CA5A}"/>
                  </a:ext>
                </a:extLst>
              </p:cNvPr>
              <p:cNvSpPr txBox="1"/>
              <p:nvPr/>
            </p:nvSpPr>
            <p:spPr>
              <a:xfrm>
                <a:off x="851470" y="2349631"/>
                <a:ext cx="314189" cy="23448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𝑷</m:t>
                      </m:r>
                      <m:acc>
                        <m:accPr>
                          <m:chr m:val="̅"/>
                          <m:ctrlPr>
                            <a:rPr lang="da-DK" sz="1600" b="1" i="1" smtClean="0">
                              <a:latin typeface="Cambria Math" panose="02040503050406030204" pitchFamily="18" charset="0"/>
                            </a:rPr>
                          </m:ctrlPr>
                        </m:accPr>
                        <m:e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</m:e>
                      </m:acc>
                    </m:oMath>
                  </m:oMathPara>
                </a14:m>
                <a:endParaRPr lang="da-DK" sz="1600" b="1" dirty="0">
                  <a:latin typeface="+mn-lt"/>
                </a:endParaRPr>
              </a:p>
            </p:txBody>
          </p:sp>
        </mc:Choice>
        <mc:Fallback xmlns="">
          <p:sp>
            <p:nvSpPr>
              <p:cNvPr id="3" name="Tekstfelt 2">
                <a:extLst>
                  <a:ext uri="{FF2B5EF4-FFF2-40B4-BE49-F238E27FC236}">
                    <a16:creationId xmlns:a16="http://schemas.microsoft.com/office/drawing/2014/main" id="{C5F3F9FF-972E-40F1-8DD6-290F37C3CA5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51470" y="2349631"/>
                <a:ext cx="314189" cy="234488"/>
              </a:xfrm>
              <a:prstGeom prst="rect">
                <a:avLst/>
              </a:prstGeom>
              <a:blipFill>
                <a:blip r:embed="rId8"/>
                <a:stretch>
                  <a:fillRect l="-15686" t="-5128" r="-62745" b="-769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08CF508D-FE7F-4AE5-A208-BAC169747CF1}"/>
                  </a:ext>
                </a:extLst>
              </p:cNvPr>
              <p:cNvSpPr txBox="1"/>
              <p:nvPr/>
            </p:nvSpPr>
            <p:spPr>
              <a:xfrm>
                <a:off x="5489908" y="2352587"/>
                <a:ext cx="617670" cy="233910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𝑷</m:t>
                      </m:r>
                      <m:sSub>
                        <m:sSubPr>
                          <m:ctrlPr>
                            <a:rPr lang="da-DK" sz="1600" b="1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𝟐</m:t>
                          </m:r>
                        </m:e>
                        <m:sub>
                          <m:r>
                            <a:rPr lang="da-DK" sz="1600" b="1" i="1" smtClean="0">
                              <a:latin typeface="Cambria Math" panose="02040503050406030204" pitchFamily="18" charset="0"/>
                            </a:rPr>
                            <m:t>𝟏</m:t>
                          </m:r>
                        </m:sub>
                      </m:sSub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/</m:t>
                      </m:r>
                      <m:r>
                        <a:rPr lang="da-DK" sz="1600" b="1" i="1" smtClean="0">
                          <a:latin typeface="Cambria Math" panose="02040503050406030204" pitchFamily="18" charset="0"/>
                        </a:rPr>
                        <m:t>𝒄</m:t>
                      </m:r>
                    </m:oMath>
                  </m:oMathPara>
                </a14:m>
                <a:endParaRPr lang="da-DK" sz="1600" b="1" dirty="0">
                  <a:latin typeface="+mn-lt"/>
                </a:endParaRPr>
              </a:p>
            </p:txBody>
          </p:sp>
        </mc:Choice>
        <mc:Fallback xmlns=""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08CF508D-FE7F-4AE5-A208-BAC169747CF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489908" y="2352587"/>
                <a:ext cx="617670" cy="233910"/>
              </a:xfrm>
              <a:prstGeom prst="rect">
                <a:avLst/>
              </a:prstGeom>
              <a:blipFill>
                <a:blip r:embed="rId9"/>
                <a:stretch>
                  <a:fillRect l="-6931" t="-2632" r="-3960" b="-36842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0100693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9" grpId="0"/>
      <p:bldP spid="40" grpId="0"/>
      <p:bldP spid="41" grpId="0"/>
      <p:bldP spid="18" grpId="0"/>
      <p:bldP spid="3" grpId="0"/>
      <p:bldP spid="23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delling the diffractio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88019EB6-23BB-4F51-99BE-C1948AA08415}"/>
              </a:ext>
            </a:extLst>
          </p:cNvPr>
          <p:cNvSpPr txBox="1">
            <a:spLocks/>
          </p:cNvSpPr>
          <p:nvPr/>
        </p:nvSpPr>
        <p:spPr bwMode="auto">
          <a:xfrm>
            <a:off x="961026" y="1699830"/>
            <a:ext cx="4225019" cy="296574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SzPct val="75000"/>
              <a:buFont typeface="Calibri" panose="020F0502020204030204" pitchFamily="34" charset="0"/>
              <a:buChar char="​"/>
              <a:defRPr sz="16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648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SzPct val="100000"/>
              <a:buFont typeface="AU Passata" panose="020B0503030502030804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3pPr>
            <a:lvl4pPr marL="972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SzPct val="100000"/>
              <a:buFont typeface="AU Passata" panose="020B0503030502030804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4pPr>
            <a:lvl5pPr marL="1296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SzPct val="100000"/>
              <a:buFont typeface="AU Passata" panose="020B0503030502030804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5pPr>
            <a:lvl6pPr marL="1620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Font typeface="AU Passata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6pPr>
            <a:lvl7pPr marL="194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Font typeface="AU Passata" panose="020B0503030502030804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7pPr>
            <a:lvl8pPr marL="2268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Font typeface="AU Passata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8pPr>
            <a:lvl9pPr marL="2592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bg2"/>
              </a:buClr>
              <a:buFont typeface="AU Passata" pitchFamily="34" charset="0"/>
              <a:buChar char="›"/>
              <a:defRPr sz="1600">
                <a:solidFill>
                  <a:srgbClr val="000000"/>
                </a:solidFill>
                <a:latin typeface="+mn-lt"/>
              </a:defRPr>
            </a:lvl9pPr>
          </a:lstStyle>
          <a:p>
            <a:pPr lvl="1"/>
            <a:r>
              <a:rPr lang="en-GB" sz="2000" kern="0" dirty="0"/>
              <a:t>Magnetic structure factor</a:t>
            </a:r>
          </a:p>
          <a:p>
            <a:pPr lvl="1"/>
            <a:endParaRPr lang="en-GB" sz="2000" kern="0" dirty="0"/>
          </a:p>
          <a:p>
            <a:pPr lvl="1"/>
            <a:endParaRPr lang="en-GB" sz="2000" kern="0" dirty="0"/>
          </a:p>
          <a:p>
            <a:pPr lvl="1"/>
            <a:endParaRPr lang="en-GB" sz="2000" kern="0" dirty="0"/>
          </a:p>
          <a:p>
            <a:pPr lvl="1"/>
            <a:r>
              <a:rPr lang="en-GB" sz="2000" kern="0" dirty="0"/>
              <a:t>Site susceptibility</a:t>
            </a:r>
          </a:p>
          <a:p>
            <a:pPr lvl="1"/>
            <a:endParaRPr lang="en-GB" sz="2000" kern="0" dirty="0"/>
          </a:p>
          <a:p>
            <a:pPr lvl="1"/>
            <a:r>
              <a:rPr lang="en-GB" sz="2000" kern="0" dirty="0"/>
              <a:t>Resulting magnetic structure factor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E04C531F-CB20-4DA2-86DC-FCC868B56A55}"/>
                  </a:ext>
                </a:extLst>
              </p:cNvPr>
              <p:cNvSpPr txBox="1"/>
              <p:nvPr/>
            </p:nvSpPr>
            <p:spPr>
              <a:xfrm>
                <a:off x="1579280" y="2242193"/>
                <a:ext cx="2988510" cy="74263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𝑭</m:t>
                          </m:r>
                        </m:e>
                        <m:sub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𝑀</m:t>
                          </m:r>
                        </m:sub>
                      </m:sSub>
                      <m:d>
                        <m:d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𝒌</m:t>
                          </m:r>
                        </m:e>
                      </m:d>
                      <m:r>
                        <a:rPr lang="en-GB" sz="2000" b="0" i="1" smtClean="0"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supHide m:val="on"/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7"/>
                            </m:rP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𝑓</m:t>
                              </m:r>
                            </m:e>
                            <m:sub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d>
                            <m:dPr>
                              <m:ctrl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𝒌</m:t>
                              </m:r>
                            </m:e>
                          </m:d>
                          <m:sSub>
                            <m:sSubPr>
                              <m:ctrlPr>
                                <a:rPr lang="en-GB" sz="2000" b="0" i="1" smtClean="0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1" i="1" smtClean="0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  <m:t>𝒎</m:t>
                              </m:r>
                            </m:e>
                            <m:sub>
                              <m:r>
                                <a:rPr lang="en-GB" sz="2000" b="0" i="1" smtClean="0">
                                  <a:solidFill>
                                    <a:srgbClr val="C00000"/>
                                  </a:solidFill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e>
                      </m:nary>
                      <m:sSup>
                        <m:sSup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𝒌</m:t>
                          </m:r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⋅</m:t>
                          </m:r>
                          <m:sSub>
                            <m:sSubPr>
                              <m:ctrlP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𝒓</m:t>
                              </m:r>
                            </m:e>
                            <m:sub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</m:sup>
                      </m:sSup>
                    </m:oMath>
                  </m:oMathPara>
                </a14:m>
                <a:endParaRPr lang="en-GB" sz="2000" dirty="0">
                  <a:latin typeface="+mn-lt"/>
                </a:endParaRPr>
              </a:p>
            </p:txBody>
          </p:sp>
        </mc:Choice>
        <mc:Fallback xmlns="">
          <p:sp>
            <p:nvSpPr>
              <p:cNvPr id="7" name="Tekstfelt 6">
                <a:extLst>
                  <a:ext uri="{FF2B5EF4-FFF2-40B4-BE49-F238E27FC236}">
                    <a16:creationId xmlns:a16="http://schemas.microsoft.com/office/drawing/2014/main" id="{E04C531F-CB20-4DA2-86DC-FCC868B56A55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79280" y="2242193"/>
                <a:ext cx="2988510" cy="742639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Tekstfelt 7">
                <a:extLst>
                  <a:ext uri="{FF2B5EF4-FFF2-40B4-BE49-F238E27FC236}">
                    <a16:creationId xmlns:a16="http://schemas.microsoft.com/office/drawing/2014/main" id="{1DB3CB58-9CB0-421F-B92B-D34A48B54CA3}"/>
                  </a:ext>
                </a:extLst>
              </p:cNvPr>
              <p:cNvSpPr txBox="1"/>
              <p:nvPr/>
            </p:nvSpPr>
            <p:spPr>
              <a:xfrm>
                <a:off x="1566005" y="4533978"/>
                <a:ext cx="5380191" cy="742639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𝑭</m:t>
                          </m:r>
                        </m:e>
                        <m:sub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𝑀</m:t>
                          </m:r>
                        </m:sub>
                      </m:sSub>
                      <m:d>
                        <m:d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𝒌</m:t>
                          </m:r>
                        </m:e>
                      </m:d>
                      <m:r>
                        <a:rPr lang="en-GB" sz="2000" b="0" i="1" smtClean="0">
                          <a:latin typeface="Cambria Math" panose="02040503050406030204" pitchFamily="18" charset="0"/>
                        </a:rPr>
                        <m:t>=</m:t>
                      </m:r>
                      <m:nary>
                        <m:naryPr>
                          <m:chr m:val="∑"/>
                          <m:supHide m:val="on"/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naryPr>
                        <m:sub>
                          <m:r>
                            <m:rPr>
                              <m:brk m:alnAt="7"/>
                            </m:rP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  <m:sup/>
                        <m:e>
                          <m:sSub>
                            <m:sSubPr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i="1">
                                  <a:latin typeface="Cambria Math" panose="02040503050406030204" pitchFamily="18" charset="0"/>
                                </a:rPr>
                                <m:t>𝑓</m:t>
                              </m:r>
                            </m:e>
                            <m:sub>
                              <m:r>
                                <a:rPr lang="en-GB" sz="2000" i="1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d>
                            <m:dPr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GB" sz="2000" b="1" i="1">
                                  <a:latin typeface="Cambria Math" panose="02040503050406030204" pitchFamily="18" charset="0"/>
                                </a:rPr>
                                <m:t>𝒌</m:t>
                              </m:r>
                            </m:e>
                          </m:d>
                          <m:f>
                            <m:fPr>
                              <m:ctrl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num>
                            <m:den>
                              <m:sSub>
                                <m:sSubPr>
                                  <m:ctrlP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  <m:t>𝑁</m:t>
                                  </m:r>
                                </m:e>
                                <m:sub>
                                  <m: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  <m:t>𝑎</m:t>
                                  </m:r>
                                </m:sub>
                              </m:sSub>
                            </m:den>
                          </m:f>
                          <m:nary>
                            <m:naryPr>
                              <m:chr m:val="∑"/>
                              <m:supHide m:val="on"/>
                              <m:ctrl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naryPr>
                            <m:sub>
                              <m:r>
                                <m:rPr>
                                  <m:brk m:alnAt="7"/>
                                </m:r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b>
                            <m:sup/>
                            <m:e>
                              <m:sSub>
                                <m:sSubPr>
                                  <m:ctrlP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sz="2000" b="1" i="1" smtClean="0">
                                      <a:latin typeface="Cambria Math" panose="02040503050406030204" pitchFamily="18" charset="0"/>
                                    </a:rPr>
                                    <m:t>𝑹</m:t>
                                  </m:r>
                                </m:e>
                                <m:sub>
                                  <m: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  <m:t>𝑝</m:t>
                                  </m:r>
                                </m:sub>
                              </m:sSub>
                              <m:sSub>
                                <m:sSubPr>
                                  <m:ctrlPr>
                                    <a:rPr lang="en-GB" sz="2000" b="0" i="1" smtClean="0">
                                      <a:solidFill>
                                        <a:srgbClr val="92D050"/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GB" sz="2000" b="1" i="1" smtClean="0">
                                      <a:solidFill>
                                        <a:srgbClr val="92D050"/>
                                      </a:solidFill>
                                      <a:latin typeface="Cambria Math" panose="02040503050406030204" pitchFamily="18" charset="0"/>
                                    </a:rPr>
                                    <m:t>𝝌</m:t>
                                  </m:r>
                                </m:e>
                                <m:sub>
                                  <m:r>
                                    <a:rPr lang="en-GB" sz="2000" b="0" i="1" smtClean="0">
                                      <a:solidFill>
                                        <a:srgbClr val="92D050"/>
                                      </a:solidFill>
                                      <a:latin typeface="Cambria Math" panose="02040503050406030204" pitchFamily="18" charset="0"/>
                                    </a:rPr>
                                    <m:t>𝑗</m:t>
                                  </m:r>
                                </m:sub>
                              </m:sSub>
                              <m:sSubSup>
                                <m:sSubSupPr>
                                  <m:ctrlP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GB" sz="2000" b="1" i="1" smtClean="0">
                                      <a:latin typeface="Cambria Math" panose="02040503050406030204" pitchFamily="18" charset="0"/>
                                    </a:rPr>
                                    <m:t>𝑹</m:t>
                                  </m:r>
                                </m:e>
                                <m:sub>
                                  <m: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  <m:t>𝑝</m:t>
                                  </m:r>
                                </m:sub>
                                <m:sup>
                                  <m:r>
                                    <a:rPr lang="en-GB" sz="2000" b="0" i="1" smtClean="0">
                                      <a:latin typeface="Cambria Math" panose="02040503050406030204" pitchFamily="18" charset="0"/>
                                    </a:rPr>
                                    <m:t>−1</m:t>
                                  </m:r>
                                </m:sup>
                              </m:sSubSup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𝑯</m:t>
                              </m:r>
                            </m:e>
                          </m:nary>
                        </m:e>
                      </m:nary>
                      <m:sSup>
                        <m:sSupPr>
                          <m:ctrlPr>
                            <a:rPr lang="en-GB" sz="2000" b="0" i="1" smtClean="0"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𝑒</m:t>
                          </m:r>
                        </m:e>
                        <m:sup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𝒌</m:t>
                          </m:r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⋅(</m:t>
                          </m:r>
                          <m:sSub>
                            <m:sSubPr>
                              <m:ctrlP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𝑹</m:t>
                              </m:r>
                            </m:e>
                            <m:sub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b>
                          </m:sSub>
                          <m:sSub>
                            <m:sSubPr>
                              <m:ctrlP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𝒓</m:t>
                              </m:r>
                            </m:e>
                            <m:sub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𝑗</m:t>
                              </m:r>
                            </m:sub>
                          </m:sSub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+</m:t>
                          </m:r>
                          <m:sSub>
                            <m:sSubPr>
                              <m:ctrlP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GB" sz="2000" b="1" i="1" smtClean="0">
                                  <a:latin typeface="Cambria Math" panose="02040503050406030204" pitchFamily="18" charset="0"/>
                                </a:rPr>
                                <m:t>𝒕</m:t>
                              </m:r>
                            </m:e>
                            <m:sub>
                              <m:r>
                                <a:rPr lang="en-GB" sz="2000" b="0" i="1" smtClean="0">
                                  <a:latin typeface="Cambria Math" panose="02040503050406030204" pitchFamily="18" charset="0"/>
                                </a:rPr>
                                <m:t>𝑝</m:t>
                              </m:r>
                            </m:sub>
                          </m:sSub>
                          <m:r>
                            <a:rPr lang="en-GB" sz="2000" b="1" i="1" smtClean="0">
                              <a:latin typeface="Cambria Math" panose="02040503050406030204" pitchFamily="18" charset="0"/>
                            </a:rPr>
                            <m:t>)</m:t>
                          </m:r>
                        </m:sup>
                      </m:sSup>
                    </m:oMath>
                  </m:oMathPara>
                </a14:m>
                <a:endParaRPr lang="en-GB" sz="2000" dirty="0">
                  <a:latin typeface="+mn-lt"/>
                </a:endParaRPr>
              </a:p>
            </p:txBody>
          </p:sp>
        </mc:Choice>
        <mc:Fallback xmlns="">
          <p:sp>
            <p:nvSpPr>
              <p:cNvPr id="8" name="Tekstfelt 7">
                <a:extLst>
                  <a:ext uri="{FF2B5EF4-FFF2-40B4-BE49-F238E27FC236}">
                    <a16:creationId xmlns:a16="http://schemas.microsoft.com/office/drawing/2014/main" id="{1DB3CB58-9CB0-421F-B92B-D34A48B54CA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66005" y="4533978"/>
                <a:ext cx="5380191" cy="742639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D193BF33-D49B-4B7E-BCFA-74242BCC107A}"/>
                  </a:ext>
                </a:extLst>
              </p:cNvPr>
              <p:cNvSpPr txBox="1"/>
              <p:nvPr/>
            </p:nvSpPr>
            <p:spPr>
              <a:xfrm>
                <a:off x="3574560" y="3127643"/>
                <a:ext cx="1190903" cy="315856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95000"/>
                  </a:lnSpc>
                </a:pPr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b="0" i="1" smtClean="0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b="1" i="1" smtClean="0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  <m:t>𝒎</m:t>
                          </m:r>
                        </m:e>
                        <m:sub>
                          <m:r>
                            <a:rPr lang="en-GB" sz="2000" b="0" i="1" smtClean="0">
                              <a:solidFill>
                                <a:srgbClr val="C00000"/>
                              </a:solidFill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GB" sz="2000" b="0" i="1" smtClean="0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GB" sz="2000" b="0" i="1" smtClean="0">
                              <a:solidFill>
                                <a:srgbClr val="92D05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b="1" i="1" smtClean="0">
                              <a:solidFill>
                                <a:srgbClr val="92D050"/>
                              </a:solidFill>
                              <a:latin typeface="Cambria Math" panose="02040503050406030204" pitchFamily="18" charset="0"/>
                            </a:rPr>
                            <m:t>𝝌</m:t>
                          </m:r>
                        </m:e>
                        <m:sub>
                          <m:r>
                            <a:rPr lang="en-GB" sz="2000" b="0" i="1" smtClean="0">
                              <a:solidFill>
                                <a:srgbClr val="92D050"/>
                              </a:solidFill>
                              <a:latin typeface="Cambria Math" panose="02040503050406030204" pitchFamily="18" charset="0"/>
                            </a:rPr>
                            <m:t>𝑗</m:t>
                          </m:r>
                        </m:sub>
                      </m:sSub>
                      <m:r>
                        <a:rPr lang="en-GB" sz="2000" b="1" i="1" smtClean="0">
                          <a:latin typeface="Cambria Math" panose="02040503050406030204" pitchFamily="18" charset="0"/>
                        </a:rPr>
                        <m:t>𝑯</m:t>
                      </m:r>
                    </m:oMath>
                  </m:oMathPara>
                </a14:m>
                <a:endParaRPr lang="en-GB" sz="2000" b="1" dirty="0">
                  <a:latin typeface="+mn-lt"/>
                </a:endParaRPr>
              </a:p>
            </p:txBody>
          </p:sp>
        </mc:Choice>
        <mc:Fallback xmlns="">
          <p:sp>
            <p:nvSpPr>
              <p:cNvPr id="9" name="Tekstfelt 8">
                <a:extLst>
                  <a:ext uri="{FF2B5EF4-FFF2-40B4-BE49-F238E27FC236}">
                    <a16:creationId xmlns:a16="http://schemas.microsoft.com/office/drawing/2014/main" id="{D193BF33-D49B-4B7E-BCFA-74242BCC107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74560" y="3127643"/>
                <a:ext cx="1190903" cy="315856"/>
              </a:xfrm>
              <a:prstGeom prst="rect">
                <a:avLst/>
              </a:prstGeom>
              <a:blipFill>
                <a:blip r:embed="rId6"/>
                <a:stretch>
                  <a:fillRect l="-2551" r="-4592" b="-28846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0" name="Tekstfelt 9">
            <a:extLst>
              <a:ext uri="{FF2B5EF4-FFF2-40B4-BE49-F238E27FC236}">
                <a16:creationId xmlns:a16="http://schemas.microsoft.com/office/drawing/2014/main" id="{AF20403C-269E-4DDC-A7D0-EED37DDEE318}"/>
              </a:ext>
            </a:extLst>
          </p:cNvPr>
          <p:cNvSpPr txBox="1"/>
          <p:nvPr/>
        </p:nvSpPr>
        <p:spPr>
          <a:xfrm>
            <a:off x="477788" y="6033730"/>
            <a:ext cx="3313408" cy="1315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900" dirty="0" err="1">
                <a:latin typeface="+mn-lt"/>
              </a:rPr>
              <a:t>Gukasov</a:t>
            </a:r>
            <a:r>
              <a:rPr lang="en-GB" sz="900" dirty="0">
                <a:latin typeface="+mn-lt"/>
              </a:rPr>
              <a:t>, A. &amp; Brown, P.J. </a:t>
            </a:r>
            <a:r>
              <a:rPr lang="en-GB" sz="900" i="1" dirty="0">
                <a:latin typeface="+mn-lt"/>
              </a:rPr>
              <a:t>J. Phys. </a:t>
            </a:r>
            <a:r>
              <a:rPr lang="en-GB" sz="900" i="1" dirty="0" err="1">
                <a:latin typeface="+mn-lt"/>
              </a:rPr>
              <a:t>Condens</a:t>
            </a:r>
            <a:r>
              <a:rPr lang="en-GB" sz="900" i="1" dirty="0">
                <a:latin typeface="+mn-lt"/>
              </a:rPr>
              <a:t>. Matter </a:t>
            </a:r>
            <a:r>
              <a:rPr lang="en-GB" sz="900" b="1" dirty="0">
                <a:latin typeface="+mn-lt"/>
              </a:rPr>
              <a:t>2002, </a:t>
            </a:r>
            <a:r>
              <a:rPr lang="en-GB" sz="900" i="1" dirty="0">
                <a:latin typeface="+mn-lt"/>
              </a:rPr>
              <a:t>14, </a:t>
            </a:r>
            <a:r>
              <a:rPr lang="en-GB" sz="900" dirty="0">
                <a:latin typeface="+mn-lt"/>
              </a:rPr>
              <a:t>8831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ktangel 10">
                <a:extLst>
                  <a:ext uri="{FF2B5EF4-FFF2-40B4-BE49-F238E27FC236}">
                    <a16:creationId xmlns:a16="http://schemas.microsoft.com/office/drawing/2014/main" id="{F040B19B-B3F8-4736-B187-AB9F4C156D75}"/>
                  </a:ext>
                </a:extLst>
              </p:cNvPr>
              <p:cNvSpPr/>
              <p:nvPr/>
            </p:nvSpPr>
            <p:spPr>
              <a:xfrm>
                <a:off x="7042535" y="2828761"/>
                <a:ext cx="4164445" cy="707886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GB" sz="20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i="1">
                              <a:latin typeface="Cambria Math" panose="02040503050406030204" pitchFamily="18" charset="0"/>
                            </a:rPr>
                            <m:t>𝜒</m:t>
                          </m:r>
                        </m:e>
                        <m:sub>
                          <m:r>
                            <a:rPr lang="en-GB" sz="2000" i="1">
                              <a:latin typeface="Cambria Math" panose="02040503050406030204" pitchFamily="18" charset="0"/>
                            </a:rPr>
                            <m:t>𝑚𝑜𝑙𝑒</m:t>
                          </m:r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𝑐𝑢𝑙𝑒</m:t>
                          </m:r>
                        </m:sub>
                      </m:sSub>
                      <m:r>
                        <a:rPr lang="en-GB" sz="2000" i="1">
                          <a:latin typeface="Cambria Math" panose="02040503050406030204" pitchFamily="18" charset="0"/>
                        </a:rPr>
                        <m:t>=</m:t>
                      </m:r>
                      <m:sSub>
                        <m:sSubPr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GB" sz="2000" i="1">
                              <a:latin typeface="Cambria Math" panose="02040503050406030204" pitchFamily="18" charset="0"/>
                            </a:rPr>
                            <m:t>𝜒</m:t>
                          </m:r>
                        </m:e>
                        <m:sub>
                          <m:r>
                            <a:rPr lang="en-GB" sz="2000" b="0" i="1" smtClean="0">
                              <a:latin typeface="Cambria Math" panose="02040503050406030204" pitchFamily="18" charset="0"/>
                            </a:rPr>
                            <m:t>𝐷𝑦</m:t>
                          </m:r>
                        </m:sub>
                      </m:sSub>
                      <m:r>
                        <a:rPr lang="en-GB" sz="2000" i="1"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["/>
                          <m:endChr m:val="]"/>
                          <m:ctrlPr>
                            <a:rPr lang="en-GB" sz="2000" i="1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m>
                            <m:mPr>
                              <m:mcs>
                                <m:mc>
                                  <m:mcPr>
                                    <m:count m:val="3"/>
                                    <m:mcJc m:val="center"/>
                                  </m:mcPr>
                                </m:mc>
                              </m:mcs>
                              <m:ctrlPr>
                                <a:rPr lang="en-GB" sz="2000" i="1">
                                  <a:latin typeface="Cambria Math" panose="02040503050406030204" pitchFamily="18" charset="0"/>
                                </a:rPr>
                              </m:ctrlPr>
                            </m:mP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11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13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12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22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23</m:t>
                                    </m:r>
                                  </m:sub>
                                </m:sSub>
                              </m:e>
                            </m:mr>
                            <m:mr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13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23</m:t>
                                    </m:r>
                                  </m:sub>
                                </m:sSub>
                              </m:e>
                              <m:e>
                                <m:sSub>
                                  <m:sSubPr>
                                    <m:ctrlP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</m:ctrlPr>
                                  </m:sSubPr>
                                  <m:e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𝜒</m:t>
                                    </m:r>
                                  </m:e>
                                  <m:sub>
                                    <m:r>
                                      <a:rPr lang="en-GB" sz="2000" i="1">
                                        <a:latin typeface="Cambria Math" panose="02040503050406030204" pitchFamily="18" charset="0"/>
                                      </a:rPr>
                                      <m:t>33</m:t>
                                    </m:r>
                                  </m:sub>
                                </m:sSub>
                              </m:e>
                            </m:mr>
                          </m:m>
                        </m:e>
                      </m:d>
                    </m:oMath>
                  </m:oMathPara>
                </a14:m>
                <a:endParaRPr lang="en-GB" sz="5400" dirty="0"/>
              </a:p>
            </p:txBody>
          </p:sp>
        </mc:Choice>
        <mc:Fallback xmlns="">
          <p:sp>
            <p:nvSpPr>
              <p:cNvPr id="11" name="Rektangel 10">
                <a:extLst>
                  <a:ext uri="{FF2B5EF4-FFF2-40B4-BE49-F238E27FC236}">
                    <a16:creationId xmlns:a16="http://schemas.microsoft.com/office/drawing/2014/main" id="{F040B19B-B3F8-4736-B187-AB9F4C156D75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042535" y="2828761"/>
                <a:ext cx="4164445" cy="707886"/>
              </a:xfrm>
              <a:prstGeom prst="rect">
                <a:avLst/>
              </a:prstGeom>
              <a:blipFill>
                <a:blip r:embed="rId7"/>
                <a:stretch>
                  <a:fillRect t="-15517" b="-11207"/>
                </a:stretch>
              </a:blipFill>
            </p:spPr>
            <p:txBody>
              <a:bodyPr/>
              <a:lstStyle/>
              <a:p>
                <a:r>
                  <a:rPr lang="da-DK">
                    <a:noFill/>
                  </a:rPr>
                  <a:t> </a:t>
                </a:r>
              </a:p>
            </p:txBody>
          </p:sp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14070718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5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500"/>
                            </p:stCondLst>
                            <p:childTnLst>
                              <p:par>
                                <p:cTn id="17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4" dur="500"/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/>
      <p:bldP spid="7" grpId="0"/>
      <p:bldP spid="8" grpId="0"/>
      <p:bldP spid="9" grpId="0"/>
      <p:bldP spid="10" grpId="0"/>
      <p:bldP spid="11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sults from pol neutron diff</a:t>
            </a: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2716753A-A037-4ED6-A497-F4B927F403E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3755" y="645811"/>
            <a:ext cx="5008626" cy="556637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9F7EE2B3-DB89-4C32-BAA4-7E57FCDF517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58454" y="445828"/>
            <a:ext cx="5416448" cy="6009751"/>
          </a:xfrm>
          <a:prstGeom prst="rect">
            <a:avLst/>
          </a:prstGeom>
        </p:spPr>
      </p:pic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8" name="Tabel 7">
                <a:extLst>
                  <a:ext uri="{FF2B5EF4-FFF2-40B4-BE49-F238E27FC236}">
                    <a16:creationId xmlns:a16="http://schemas.microsoft.com/office/drawing/2014/main" id="{D559A39C-51E2-4DEE-88F0-9ADBB9FE47E5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979873658"/>
                  </p:ext>
                </p:extLst>
              </p:nvPr>
            </p:nvGraphicFramePr>
            <p:xfrm>
              <a:off x="10774933" y="3901372"/>
              <a:ext cx="1191166" cy="1920621"/>
            </p:xfrm>
            <a:graphic>
              <a:graphicData uri="http://schemas.openxmlformats.org/drawingml/2006/table">
                <a:tbl>
                  <a:tblPr bandRow="1">
                    <a:tableStyleId>{5C22544A-7EE6-4342-B048-85BDC9FD1C3A}</a:tableStyleId>
                  </a:tblPr>
                  <a:tblGrid>
                    <a:gridCol w="240411">
                      <a:extLst>
                        <a:ext uri="{9D8B030D-6E8A-4147-A177-3AD203B41FA5}">
                          <a16:colId xmlns:a16="http://schemas.microsoft.com/office/drawing/2014/main" val="1082130615"/>
                        </a:ext>
                      </a:extLst>
                    </a:gridCol>
                    <a:gridCol w="950755">
                      <a:extLst>
                        <a:ext uri="{9D8B030D-6E8A-4147-A177-3AD203B41FA5}">
                          <a16:colId xmlns:a16="http://schemas.microsoft.com/office/drawing/2014/main" val="2330897630"/>
                        </a:ext>
                      </a:extLst>
                    </a:gridCol>
                  </a:tblGrid>
                  <a:tr h="130685">
                    <a:tc gridSpan="2">
                      <a:txBody>
                        <a:bodyPr/>
                        <a:lstStyle/>
                        <a:p>
                          <a:r>
                            <a:rPr lang="da-DK" sz="1200" b="1" dirty="0"/>
                            <a:t>2      </a:t>
                          </a:r>
                          <a14:m>
                            <m:oMath xmlns:m="http://schemas.openxmlformats.org/officeDocument/2006/math">
                              <m:r>
                                <a:rPr lang="da-DK" sz="1200" b="1" i="1" smtClean="0">
                                  <a:latin typeface="Cambria Math" panose="02040503050406030204" pitchFamily="18" charset="0"/>
                                </a:rPr>
                                <m:t>𝑷</m:t>
                              </m:r>
                              <m:acc>
                                <m:accPr>
                                  <m:chr m:val="̅"/>
                                  <m:ctrlPr>
                                    <a:rPr lang="da-DK" sz="1200" b="1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accPr>
                                <m:e>
                                  <m:r>
                                    <a:rPr lang="da-DK" sz="1200" b="1" i="1" smtClean="0">
                                      <a:latin typeface="Cambria Math" panose="02040503050406030204" pitchFamily="18" charset="0"/>
                                    </a:rPr>
                                    <m:t>𝟏</m:t>
                                  </m:r>
                                </m:e>
                              </m:acc>
                            </m:oMath>
                          </a14:m>
                          <a:endParaRPr lang="da-DK" sz="1200" b="1" dirty="0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da-DK" sz="14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02773050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a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1.0343(3)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409007193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b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lvl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2.2286(3) 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335273110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c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7.5339(5)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20339257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α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77.103(5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94654999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β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85.701(6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567689908"/>
                      </a:ext>
                    </a:extLst>
                  </a:tr>
                  <a:tr h="218718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γ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69.694(5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682694659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8" name="Tabel 7">
                <a:extLst>
                  <a:ext uri="{FF2B5EF4-FFF2-40B4-BE49-F238E27FC236}">
                    <a16:creationId xmlns:a16="http://schemas.microsoft.com/office/drawing/2014/main" id="{D559A39C-51E2-4DEE-88F0-9ADBB9FE47E5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1979873658"/>
                  </p:ext>
                </p:extLst>
              </p:nvPr>
            </p:nvGraphicFramePr>
            <p:xfrm>
              <a:off x="10774933" y="3901372"/>
              <a:ext cx="1191166" cy="1920621"/>
            </p:xfrm>
            <a:graphic>
              <a:graphicData uri="http://schemas.openxmlformats.org/drawingml/2006/table">
                <a:tbl>
                  <a:tblPr bandRow="1">
                    <a:tableStyleId>{5C22544A-7EE6-4342-B048-85BDC9FD1C3A}</a:tableStyleId>
                  </a:tblPr>
                  <a:tblGrid>
                    <a:gridCol w="240411">
                      <a:extLst>
                        <a:ext uri="{9D8B030D-6E8A-4147-A177-3AD203B41FA5}">
                          <a16:colId xmlns:a16="http://schemas.microsoft.com/office/drawing/2014/main" val="1082130615"/>
                        </a:ext>
                      </a:extLst>
                    </a:gridCol>
                    <a:gridCol w="950755">
                      <a:extLst>
                        <a:ext uri="{9D8B030D-6E8A-4147-A177-3AD203B41FA5}">
                          <a16:colId xmlns:a16="http://schemas.microsoft.com/office/drawing/2014/main" val="2330897630"/>
                        </a:ext>
                      </a:extLst>
                    </a:gridCol>
                  </a:tblGrid>
                  <a:tr h="274701">
                    <a:tc gridSpan="2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>
                        <a:blipFill>
                          <a:blip r:embed="rId6"/>
                          <a:stretch>
                            <a:fillRect l="-510" t="-2222" r="-1531" b="-622222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da-DK" sz="14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02773050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a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1.0343(3)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409007193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b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pPr marL="0" marR="0" lvl="0" indent="0" algn="l" defTabSz="914400" rtl="0" eaLnBrk="1" fontAlgn="auto" latinLnBrk="0" hangingPunct="1">
                            <a:lnSpc>
                              <a:spcPct val="100000"/>
                            </a:lnSpc>
                            <a:spcBef>
                              <a:spcPts val="0"/>
                            </a:spcBef>
                            <a:spcAft>
                              <a:spcPts val="0"/>
                            </a:spcAft>
                            <a:buClrTx/>
                            <a:buSzTx/>
                            <a:buFontTx/>
                            <a:buNone/>
                            <a:tabLst/>
                            <a:defRPr/>
                          </a:pP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2.2286(3) 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335273110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c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17.5339(5)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20339257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α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77.103(5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94654999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β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85.701(6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567689908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γ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69.694(5)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682694659"/>
                      </a:ext>
                    </a:extLst>
                  </a:tr>
                </a:tbl>
              </a:graphicData>
            </a:graphic>
          </p:graphicFrame>
        </mc:Fallback>
      </mc:AlternateContent>
      <p:sp>
        <p:nvSpPr>
          <p:cNvPr id="2" name="Rektangel 1">
            <a:extLst>
              <a:ext uri="{FF2B5EF4-FFF2-40B4-BE49-F238E27FC236}">
                <a16:creationId xmlns:a16="http://schemas.microsoft.com/office/drawing/2014/main" id="{3EE04415-4D40-49FC-9CF6-6C29E7AA70BC}"/>
              </a:ext>
            </a:extLst>
          </p:cNvPr>
          <p:cNvSpPr/>
          <p:nvPr/>
        </p:nvSpPr>
        <p:spPr bwMode="auto">
          <a:xfrm>
            <a:off x="693812" y="4557152"/>
            <a:ext cx="620111" cy="1536144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graphicFrame>
            <p:nvGraphicFramePr>
              <p:cNvPr id="9" name="Tabel 8">
                <a:extLst>
                  <a:ext uri="{FF2B5EF4-FFF2-40B4-BE49-F238E27FC236}">
                    <a16:creationId xmlns:a16="http://schemas.microsoft.com/office/drawing/2014/main" id="{AD6CCA1E-A0FE-4D0E-96A8-24028A9ADB9C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570144029"/>
                  </p:ext>
                </p:extLst>
              </p:nvPr>
            </p:nvGraphicFramePr>
            <p:xfrm>
              <a:off x="222726" y="3901372"/>
              <a:ext cx="1196827" cy="1920240"/>
            </p:xfrm>
            <a:graphic>
              <a:graphicData uri="http://schemas.openxmlformats.org/drawingml/2006/table">
                <a:tbl>
                  <a:tblPr bandRow="1">
                    <a:tableStyleId>{5C22544A-7EE6-4342-B048-85BDC9FD1C3A}</a:tableStyleId>
                  </a:tblPr>
                  <a:tblGrid>
                    <a:gridCol w="251964">
                      <a:extLst>
                        <a:ext uri="{9D8B030D-6E8A-4147-A177-3AD203B41FA5}">
                          <a16:colId xmlns:a16="http://schemas.microsoft.com/office/drawing/2014/main" val="1082130615"/>
                        </a:ext>
                      </a:extLst>
                    </a:gridCol>
                    <a:gridCol w="944863">
                      <a:extLst>
                        <a:ext uri="{9D8B030D-6E8A-4147-A177-3AD203B41FA5}">
                          <a16:colId xmlns:a16="http://schemas.microsoft.com/office/drawing/2014/main" val="2330897630"/>
                        </a:ext>
                      </a:extLst>
                    </a:gridCol>
                  </a:tblGrid>
                  <a:tr h="259909">
                    <a:tc gridSpan="2">
                      <a:txBody>
                        <a:bodyPr/>
                        <a:lstStyle/>
                        <a:p>
                          <a:r>
                            <a:rPr lang="da-DK" sz="1200" b="1" dirty="0"/>
                            <a:t>1   </a:t>
                          </a:r>
                          <a14:m>
                            <m:oMath xmlns:m="http://schemas.openxmlformats.org/officeDocument/2006/math">
                              <m:r>
                                <a:rPr lang="da-DK" sz="1200" b="1" i="1" smtClean="0">
                                  <a:latin typeface="Cambria Math" panose="02040503050406030204" pitchFamily="18" charset="0"/>
                                </a:rPr>
                                <m:t>𝑷</m:t>
                              </m:r>
                              <m:sSub>
                                <m:sSubPr>
                                  <m:ctrlPr>
                                    <a:rPr lang="da-DK" sz="1200" b="1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da-DK" sz="1200" b="1" i="1" smtClean="0">
                                      <a:latin typeface="Cambria Math" panose="02040503050406030204" pitchFamily="18" charset="0"/>
                                    </a:rPr>
                                    <m:t>𝟐</m:t>
                                  </m:r>
                                </m:e>
                                <m:sub>
                                  <m:r>
                                    <a:rPr lang="da-DK" sz="1200" b="1" i="1" smtClean="0">
                                      <a:latin typeface="Cambria Math" panose="02040503050406030204" pitchFamily="18" charset="0"/>
                                    </a:rPr>
                                    <m:t>𝟏</m:t>
                                  </m:r>
                                </m:sub>
                              </m:sSub>
                              <m:r>
                                <a:rPr lang="da-DK" sz="1200" b="1" i="1" smtClean="0">
                                  <a:latin typeface="Cambria Math" panose="02040503050406030204" pitchFamily="18" charset="0"/>
                                </a:rPr>
                                <m:t>/</m:t>
                              </m:r>
                              <m:r>
                                <a:rPr lang="da-DK" sz="1200" b="1" i="1" smtClean="0">
                                  <a:latin typeface="Cambria Math" panose="02040503050406030204" pitchFamily="18" charset="0"/>
                                </a:rPr>
                                <m:t>𝒄</m:t>
                              </m:r>
                            </m:oMath>
                          </a14:m>
                          <a:endParaRPr lang="da-DK" sz="1200" b="1" dirty="0"/>
                        </a:p>
                      </a:txBody>
                      <a:tcPr/>
                    </a:tc>
                    <a:tc hMerge="1">
                      <a:txBody>
                        <a:bodyPr/>
                        <a:lstStyle/>
                        <a:p>
                          <a:endParaRPr lang="da-DK" sz="14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02773050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a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3.2248(5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409007193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b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22.1323(6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335273110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c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6.0555(6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20339257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α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90</a:t>
                          </a: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94654999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β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09.646(8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567689908"/>
                      </a:ext>
                    </a:extLst>
                  </a:tr>
                  <a:tr h="259909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γ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90</a:t>
                          </a: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682694659"/>
                      </a:ext>
                    </a:extLst>
                  </a:tr>
                </a:tbl>
              </a:graphicData>
            </a:graphic>
          </p:graphicFrame>
        </mc:Choice>
        <mc:Fallback xmlns="">
          <p:graphicFrame>
            <p:nvGraphicFramePr>
              <p:cNvPr id="9" name="Tabel 8">
                <a:extLst>
                  <a:ext uri="{FF2B5EF4-FFF2-40B4-BE49-F238E27FC236}">
                    <a16:creationId xmlns:a16="http://schemas.microsoft.com/office/drawing/2014/main" id="{AD6CCA1E-A0FE-4D0E-96A8-24028A9ADB9C}"/>
                  </a:ext>
                </a:extLst>
              </p:cNvPr>
              <p:cNvGraphicFramePr>
                <a:graphicFrameLocks noGrp="1"/>
              </p:cNvGraphicFramePr>
              <p:nvPr>
                <p:extLst>
                  <p:ext uri="{D42A27DB-BD31-4B8C-83A1-F6EECF244321}">
                    <p14:modId xmlns:p14="http://schemas.microsoft.com/office/powerpoint/2010/main" val="570144029"/>
                  </p:ext>
                </p:extLst>
              </p:nvPr>
            </p:nvGraphicFramePr>
            <p:xfrm>
              <a:off x="222726" y="3901372"/>
              <a:ext cx="1196827" cy="1920240"/>
            </p:xfrm>
            <a:graphic>
              <a:graphicData uri="http://schemas.openxmlformats.org/drawingml/2006/table">
                <a:tbl>
                  <a:tblPr bandRow="1">
                    <a:tableStyleId>{5C22544A-7EE6-4342-B048-85BDC9FD1C3A}</a:tableStyleId>
                  </a:tblPr>
                  <a:tblGrid>
                    <a:gridCol w="251964">
                      <a:extLst>
                        <a:ext uri="{9D8B030D-6E8A-4147-A177-3AD203B41FA5}">
                          <a16:colId xmlns:a16="http://schemas.microsoft.com/office/drawing/2014/main" val="1082130615"/>
                        </a:ext>
                      </a:extLst>
                    </a:gridCol>
                    <a:gridCol w="944863">
                      <a:extLst>
                        <a:ext uri="{9D8B030D-6E8A-4147-A177-3AD203B41FA5}">
                          <a16:colId xmlns:a16="http://schemas.microsoft.com/office/drawing/2014/main" val="2330897630"/>
                        </a:ext>
                      </a:extLst>
                    </a:gridCol>
                  </a:tblGrid>
                  <a:tr h="274320">
                    <a:tc gridSpan="2">
                      <a:txBody>
                        <a:bodyPr/>
                        <a:lstStyle/>
                        <a:p>
                          <a:endParaRPr lang="da-DK"/>
                        </a:p>
                      </a:txBody>
                      <a:tcPr>
                        <a:blipFill>
                          <a:blip r:embed="rId7"/>
                          <a:stretch>
                            <a:fillRect l="-508" t="-2222" r="-1015" b="-622222"/>
                          </a:stretch>
                        </a:blipFill>
                      </a:tcPr>
                    </a:tc>
                    <a:tc hMerge="1">
                      <a:txBody>
                        <a:bodyPr/>
                        <a:lstStyle/>
                        <a:p>
                          <a:endParaRPr lang="da-DK" sz="14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902773050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/>
                            <a:t>a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3.2248(5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409007193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b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22.1323(6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3335273110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c</a:t>
                          </a:r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6.0555(6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20339257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α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90</a:t>
                          </a: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194654999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β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109.646(8)</a:t>
                          </a:r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2567689908"/>
                      </a:ext>
                    </a:extLst>
                  </a:tr>
                  <a:tr h="274320">
                    <a:tc>
                      <a:txBody>
                        <a:bodyPr/>
                        <a:lstStyle/>
                        <a:p>
                          <a:r>
                            <a:rPr lang="el-GR" sz="1200" dirty="0"/>
                            <a:t>γ</a:t>
                          </a:r>
                          <a:endParaRPr lang="da-DK" sz="1200" dirty="0"/>
                        </a:p>
                      </a:txBody>
                      <a:tcPr/>
                    </a:tc>
                    <a:tc>
                      <a:txBody>
                        <a:bodyPr/>
                        <a:lstStyle/>
                        <a:p>
                          <a:r>
                            <a:rPr lang="da-DK" sz="1200" dirty="0"/>
                            <a:t>90</a:t>
                          </a:r>
                          <a:r>
                            <a:rPr lang="en-US" sz="1200" kern="1200" dirty="0">
                              <a:solidFill>
                                <a:schemeClr val="dk1"/>
                              </a:solidFill>
                              <a:effectLst/>
                              <a:latin typeface="+mn-lt"/>
                              <a:ea typeface="+mn-ea"/>
                              <a:cs typeface="+mn-cs"/>
                            </a:rPr>
                            <a:t>▫</a:t>
                          </a:r>
                          <a:endParaRPr lang="da-DK" sz="1200" dirty="0"/>
                        </a:p>
                      </a:txBody>
                      <a:tcPr/>
                    </a:tc>
                    <a:extLst>
                      <a:ext uri="{0D108BD9-81ED-4DB2-BD59-A6C34878D82A}">
                        <a16:rowId xmlns:a16="http://schemas.microsoft.com/office/drawing/2014/main" val="1682694659"/>
                      </a:ext>
                    </a:extLst>
                  </a:tr>
                </a:tbl>
              </a:graphicData>
            </a:graphic>
          </p:graphicFrame>
        </mc:Fallback>
      </mc:AlternateContent>
      <p:pic>
        <p:nvPicPr>
          <p:cNvPr id="10" name="Billede 9">
            <a:extLst>
              <a:ext uri="{FF2B5EF4-FFF2-40B4-BE49-F238E27FC236}">
                <a16:creationId xmlns:a16="http://schemas.microsoft.com/office/drawing/2014/main" id="{395AD3E9-FB4B-4B6E-9009-2FB67C24CDCD}"/>
              </a:ext>
            </a:extLst>
          </p:cNvPr>
          <p:cNvPicPr/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238"/>
          <a:stretch>
            <a:fillRect/>
          </a:stretch>
        </p:blipFill>
        <p:spPr bwMode="auto">
          <a:xfrm>
            <a:off x="2710037" y="1197930"/>
            <a:ext cx="6668398" cy="4395142"/>
          </a:xfrm>
          <a:prstGeom prst="rect">
            <a:avLst/>
          </a:prstGeom>
          <a:noFill/>
          <a:ln>
            <a:noFill/>
          </a:ln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86EBB69A-E58B-4325-975A-AD44B8CA6B6A}"/>
              </a:ext>
            </a:extLst>
          </p:cNvPr>
          <p:cNvSpPr txBox="1"/>
          <p:nvPr/>
        </p:nvSpPr>
        <p:spPr>
          <a:xfrm>
            <a:off x="477788" y="6105738"/>
            <a:ext cx="3266920" cy="13157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900" dirty="0" err="1">
                <a:latin typeface="+mn-lt"/>
              </a:rPr>
              <a:t>Klahn</a:t>
            </a:r>
            <a:r>
              <a:rPr lang="en-GB" sz="900" i="1" dirty="0" err="1">
                <a:latin typeface="+mn-lt"/>
              </a:rPr>
              <a:t>et</a:t>
            </a:r>
            <a:r>
              <a:rPr lang="en-GB" sz="900" i="1" dirty="0">
                <a:latin typeface="+mn-lt"/>
              </a:rPr>
              <a:t> al.</a:t>
            </a:r>
            <a:r>
              <a:rPr lang="en-GB" sz="900" dirty="0">
                <a:latin typeface="+mn-lt"/>
              </a:rPr>
              <a:t>, </a:t>
            </a:r>
            <a:r>
              <a:rPr lang="en-GB" sz="900" i="1" dirty="0">
                <a:latin typeface="+mn-lt"/>
              </a:rPr>
              <a:t>Chem. Eur. J.</a:t>
            </a:r>
            <a:r>
              <a:rPr lang="en-GB" sz="900" dirty="0">
                <a:latin typeface="+mn-lt"/>
              </a:rPr>
              <a:t>, </a:t>
            </a:r>
            <a:r>
              <a:rPr lang="da-DK" sz="900" dirty="0"/>
              <a:t>10.1002/chem.201803300 (</a:t>
            </a:r>
            <a:r>
              <a:rPr lang="da-DK" sz="900" dirty="0" err="1"/>
              <a:t>accepted</a:t>
            </a:r>
            <a:r>
              <a:rPr lang="da-DK" sz="900" dirty="0"/>
              <a:t>)</a:t>
            </a:r>
            <a:endParaRPr lang="en-GB" sz="900" i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78198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flow – susceptibility refinement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14F8421A-907D-46AD-934F-11F93BE5A861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1023" y="859007"/>
            <a:ext cx="3690668" cy="5377819"/>
          </a:xfrm>
          <a:prstGeom prst="rect">
            <a:avLst/>
          </a:prstGeom>
        </p:spPr>
      </p:pic>
      <p:graphicFrame>
        <p:nvGraphicFramePr>
          <p:cNvPr id="22" name="Tabel 21">
            <a:extLst>
              <a:ext uri="{FF2B5EF4-FFF2-40B4-BE49-F238E27FC236}">
                <a16:creationId xmlns:a16="http://schemas.microsoft.com/office/drawing/2014/main" id="{A6A72E20-C227-4E9C-BE93-D94FB1B99B0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45661327"/>
              </p:ext>
            </p:extLst>
          </p:nvPr>
        </p:nvGraphicFramePr>
        <p:xfrm>
          <a:off x="6241656" y="2262012"/>
          <a:ext cx="4893316" cy="303919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6035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3296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478876"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</a:rPr>
                        <a:t># of data points (</a:t>
                      </a:r>
                      <a:r>
                        <a:rPr lang="da-DK" sz="1800" dirty="0" err="1">
                          <a:effectLst/>
                        </a:rPr>
                        <a:t>filename</a:t>
                      </a:r>
                      <a:r>
                        <a:rPr lang="da-DK" sz="1800" dirty="0">
                          <a:effectLst/>
                        </a:rPr>
                        <a:t>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1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>
                          <a:effectLst/>
                        </a:rPr>
                        <a:t>Searchus</a:t>
                      </a:r>
                      <a:r>
                        <a:rPr lang="da-DK" sz="1800" dirty="0">
                          <a:effectLst/>
                        </a:rPr>
                        <a:t> (3dspots-tot.dat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</a:rPr>
                        <a:t>1828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>
                          <a:effectLst/>
                        </a:rPr>
                        <a:t>Purgealu</a:t>
                      </a:r>
                      <a:r>
                        <a:rPr lang="da-DK" sz="1800" dirty="0">
                          <a:effectLst/>
                        </a:rPr>
                        <a:t> (3dspots.dat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effectLst/>
                        </a:rPr>
                        <a:t>643</a:t>
                      </a:r>
                      <a:endParaRPr lang="da-DK" sz="18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>
                          <a:effectLst/>
                        </a:rPr>
                        <a:t>Indexus</a:t>
                      </a:r>
                      <a:r>
                        <a:rPr lang="da-DK" sz="1800" dirty="0">
                          <a:effectLst/>
                        </a:rPr>
                        <a:t> (</a:t>
                      </a:r>
                      <a:r>
                        <a:rPr lang="da-DK" sz="1800" dirty="0" err="1">
                          <a:effectLst/>
                        </a:rPr>
                        <a:t>indexus.lis</a:t>
                      </a:r>
                      <a:r>
                        <a:rPr lang="da-DK" sz="1800" dirty="0">
                          <a:effectLst/>
                        </a:rPr>
                        <a:t>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</a:rPr>
                        <a:t>130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effectLst/>
                        </a:rPr>
                        <a:t>Intfratious (fratio.dat)</a:t>
                      </a:r>
                      <a:endParaRPr lang="da-DK" sz="18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</a:rPr>
                        <a:t>281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effectLst/>
                        </a:rPr>
                        <a:t>Arrnge (rmoy.qsf)</a:t>
                      </a:r>
                      <a:endParaRPr lang="da-DK" sz="18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>
                          <a:effectLst/>
                        </a:rPr>
                        <a:t>167</a:t>
                      </a:r>
                      <a:endParaRPr lang="da-DK" sz="18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 err="1">
                          <a:effectLst/>
                        </a:rPr>
                        <a:t>Purgerfli</a:t>
                      </a:r>
                      <a:r>
                        <a:rPr lang="da-DK" sz="1800" dirty="0">
                          <a:effectLst/>
                        </a:rPr>
                        <a:t> (rmoy.2si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6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61324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</a:rPr>
                        <a:t>Extcal2009 (</a:t>
                      </a:r>
                      <a:r>
                        <a:rPr lang="da-DK" sz="1800" dirty="0" err="1">
                          <a:effectLst/>
                        </a:rPr>
                        <a:t>rfl.ext</a:t>
                      </a:r>
                      <a:r>
                        <a:rPr lang="da-DK" sz="1800" dirty="0">
                          <a:effectLst/>
                        </a:rPr>
                        <a:t>)</a:t>
                      </a:r>
                      <a:endParaRPr lang="da-DK" sz="18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  <a:spcAft>
                          <a:spcPts val="0"/>
                        </a:spcAft>
                      </a:pPr>
                      <a:r>
                        <a:rPr lang="da-DK" sz="18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6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9" name="Rektangel: afrundede hjørner 8">
            <a:extLst>
              <a:ext uri="{FF2B5EF4-FFF2-40B4-BE49-F238E27FC236}">
                <a16:creationId xmlns:a16="http://schemas.microsoft.com/office/drawing/2014/main" id="{6D1AFE01-CE14-4292-B10D-AA8FC5189307}"/>
              </a:ext>
            </a:extLst>
          </p:cNvPr>
          <p:cNvSpPr/>
          <p:nvPr/>
        </p:nvSpPr>
        <p:spPr bwMode="auto">
          <a:xfrm>
            <a:off x="7355594" y="1417769"/>
            <a:ext cx="410344" cy="410344"/>
          </a:xfrm>
          <a:prstGeom prst="roundRect">
            <a:avLst/>
          </a:prstGeom>
          <a:solidFill>
            <a:srgbClr val="5B9BD5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32B9D92B-7333-417E-8872-A7C17A23D814}"/>
              </a:ext>
            </a:extLst>
          </p:cNvPr>
          <p:cNvSpPr txBox="1"/>
          <p:nvPr/>
        </p:nvSpPr>
        <p:spPr>
          <a:xfrm>
            <a:off x="7820312" y="1514660"/>
            <a:ext cx="1256754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>
                <a:latin typeface="+mn-lt"/>
              </a:rPr>
              <a:t>user actions</a:t>
            </a: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1142807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flow – susceptibility refinemen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094412" y="2780928"/>
            <a:ext cx="5111751" cy="1342307"/>
          </a:xfrm>
        </p:spPr>
        <p:txBody>
          <a:bodyPr/>
          <a:lstStyle/>
          <a:p>
            <a:pPr lvl="1"/>
            <a:r>
              <a:rPr lang="en-GB" dirty="0"/>
              <a:t>Two starting files containing information</a:t>
            </a:r>
          </a:p>
          <a:p>
            <a:pPr lvl="2">
              <a:buFont typeface="Wingdings" panose="05000000000000000000" pitchFamily="2" charset="2"/>
              <a:buChar char="Ø"/>
            </a:pPr>
            <a:r>
              <a:rPr lang="en-GB" dirty="0"/>
              <a:t>cry-file (structural information and program instructions)</a:t>
            </a:r>
          </a:p>
          <a:p>
            <a:pPr lvl="2">
              <a:buFont typeface="Wingdings" panose="05000000000000000000" pitchFamily="2" charset="2"/>
              <a:buChar char="Ø"/>
            </a:pPr>
            <a:r>
              <a:rPr lang="en-GB" dirty="0"/>
              <a:t>Raw detector data</a:t>
            </a:r>
          </a:p>
          <a:p>
            <a:pPr lvl="2">
              <a:buFont typeface="Wingdings" panose="05000000000000000000" pitchFamily="2" charset="2"/>
              <a:buChar char="Ø"/>
            </a:pPr>
            <a:endParaRPr lang="en-GB" dirty="0"/>
          </a:p>
          <a:p>
            <a:pPr lvl="2">
              <a:buFont typeface="Wingdings" panose="05000000000000000000" pitchFamily="2" charset="2"/>
              <a:buChar char="Ø"/>
            </a:pPr>
            <a:endParaRPr lang="en-GB" dirty="0"/>
          </a:p>
          <a:p>
            <a:pPr lvl="2">
              <a:buFont typeface="Wingdings" panose="05000000000000000000" pitchFamily="2" charset="2"/>
              <a:buChar char="Ø"/>
            </a:pPr>
            <a:endParaRPr lang="en-GB" dirty="0"/>
          </a:p>
          <a:p>
            <a:pPr lvl="2">
              <a:buFont typeface="Wingdings" panose="05000000000000000000" pitchFamily="2" charset="2"/>
              <a:buChar char="Ø"/>
            </a:pPr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4712330B-7D66-45DE-9A08-0FCDC6BA4311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1023" y="859007"/>
            <a:ext cx="3690668" cy="5377819"/>
          </a:xfrm>
          <a:prstGeom prst="rect">
            <a:avLst/>
          </a:prstGeom>
        </p:spPr>
      </p:pic>
      <p:sp>
        <p:nvSpPr>
          <p:cNvPr id="2" name="Rektangel 1">
            <a:extLst>
              <a:ext uri="{FF2B5EF4-FFF2-40B4-BE49-F238E27FC236}">
                <a16:creationId xmlns:a16="http://schemas.microsoft.com/office/drawing/2014/main" id="{CD950395-7373-4FD7-B323-A3CCCA0B63C6}"/>
              </a:ext>
            </a:extLst>
          </p:cNvPr>
          <p:cNvSpPr/>
          <p:nvPr/>
        </p:nvSpPr>
        <p:spPr bwMode="auto">
          <a:xfrm>
            <a:off x="1928390" y="1916832"/>
            <a:ext cx="36004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4DB61EBB-749C-45A3-9926-0BE918A387BE}"/>
              </a:ext>
            </a:extLst>
          </p:cNvPr>
          <p:cNvSpPr/>
          <p:nvPr/>
        </p:nvSpPr>
        <p:spPr bwMode="auto">
          <a:xfrm>
            <a:off x="1945933" y="2963310"/>
            <a:ext cx="36004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83565A56-97D5-421E-BA4A-70ECF3808EDF}"/>
              </a:ext>
            </a:extLst>
          </p:cNvPr>
          <p:cNvSpPr/>
          <p:nvPr/>
        </p:nvSpPr>
        <p:spPr bwMode="auto">
          <a:xfrm>
            <a:off x="3214092" y="3356992"/>
            <a:ext cx="36004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30EECA3B-0005-4854-9422-B216064C424E}"/>
              </a:ext>
            </a:extLst>
          </p:cNvPr>
          <p:cNvSpPr/>
          <p:nvPr/>
        </p:nvSpPr>
        <p:spPr bwMode="auto">
          <a:xfrm>
            <a:off x="3070076" y="2623531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383AC941-459A-438C-A976-BC9FB69A1B55}"/>
              </a:ext>
            </a:extLst>
          </p:cNvPr>
          <p:cNvSpPr/>
          <p:nvPr/>
        </p:nvSpPr>
        <p:spPr bwMode="auto">
          <a:xfrm>
            <a:off x="3083065" y="2420888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3B3A40F4-8645-45C9-8174-28F5C1DA71DB}"/>
              </a:ext>
            </a:extLst>
          </p:cNvPr>
          <p:cNvSpPr/>
          <p:nvPr/>
        </p:nvSpPr>
        <p:spPr bwMode="auto">
          <a:xfrm>
            <a:off x="3083065" y="2348880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ktangel 11">
            <a:extLst>
              <a:ext uri="{FF2B5EF4-FFF2-40B4-BE49-F238E27FC236}">
                <a16:creationId xmlns:a16="http://schemas.microsoft.com/office/drawing/2014/main" id="{1A46E78B-47DC-4910-813F-F86BBA5405BC}"/>
              </a:ext>
            </a:extLst>
          </p:cNvPr>
          <p:cNvSpPr/>
          <p:nvPr/>
        </p:nvSpPr>
        <p:spPr bwMode="auto">
          <a:xfrm>
            <a:off x="3070076" y="2276872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5F81DFEB-D69E-4CDB-AC17-CBD88BDF8E6D}"/>
              </a:ext>
            </a:extLst>
          </p:cNvPr>
          <p:cNvSpPr/>
          <p:nvPr/>
        </p:nvSpPr>
        <p:spPr bwMode="auto">
          <a:xfrm>
            <a:off x="3078363" y="2168860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00E25E8C-294D-4006-9412-15C3AF48838A}"/>
              </a:ext>
            </a:extLst>
          </p:cNvPr>
          <p:cNvSpPr/>
          <p:nvPr/>
        </p:nvSpPr>
        <p:spPr bwMode="auto">
          <a:xfrm>
            <a:off x="3083065" y="2082164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ADED587C-8AA0-4B5F-AA5E-9741E2EDE1F2}"/>
              </a:ext>
            </a:extLst>
          </p:cNvPr>
          <p:cNvSpPr/>
          <p:nvPr/>
        </p:nvSpPr>
        <p:spPr bwMode="auto">
          <a:xfrm>
            <a:off x="3078363" y="1239446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E7E8B756-6F9B-4BF0-8DA4-C2881EE8C68C}"/>
              </a:ext>
            </a:extLst>
          </p:cNvPr>
          <p:cNvSpPr/>
          <p:nvPr/>
        </p:nvSpPr>
        <p:spPr bwMode="auto">
          <a:xfrm>
            <a:off x="3078363" y="1336800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ktangel 16">
            <a:extLst>
              <a:ext uri="{FF2B5EF4-FFF2-40B4-BE49-F238E27FC236}">
                <a16:creationId xmlns:a16="http://schemas.microsoft.com/office/drawing/2014/main" id="{42A9A196-D45B-48D6-B9EB-2B04E8F49326}"/>
              </a:ext>
            </a:extLst>
          </p:cNvPr>
          <p:cNvSpPr/>
          <p:nvPr/>
        </p:nvSpPr>
        <p:spPr bwMode="auto">
          <a:xfrm>
            <a:off x="4438228" y="4581128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7EF9DC0A-B839-4D6A-923F-82FA73D5EA2D}"/>
              </a:ext>
            </a:extLst>
          </p:cNvPr>
          <p:cNvSpPr/>
          <p:nvPr/>
        </p:nvSpPr>
        <p:spPr bwMode="auto">
          <a:xfrm>
            <a:off x="4438228" y="1373021"/>
            <a:ext cx="576064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Rektangel 18">
            <a:extLst>
              <a:ext uri="{FF2B5EF4-FFF2-40B4-BE49-F238E27FC236}">
                <a16:creationId xmlns:a16="http://schemas.microsoft.com/office/drawing/2014/main" id="{415499C1-15C0-4CC3-B795-5D772929A51E}"/>
              </a:ext>
            </a:extLst>
          </p:cNvPr>
          <p:cNvSpPr/>
          <p:nvPr/>
        </p:nvSpPr>
        <p:spPr bwMode="auto">
          <a:xfrm>
            <a:off x="1945933" y="908720"/>
            <a:ext cx="342497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ektangel 19">
            <a:extLst>
              <a:ext uri="{FF2B5EF4-FFF2-40B4-BE49-F238E27FC236}">
                <a16:creationId xmlns:a16="http://schemas.microsoft.com/office/drawing/2014/main" id="{9BB9B74F-12A3-46CA-91D6-784CA9400B70}"/>
              </a:ext>
            </a:extLst>
          </p:cNvPr>
          <p:cNvSpPr/>
          <p:nvPr/>
        </p:nvSpPr>
        <p:spPr bwMode="auto">
          <a:xfrm>
            <a:off x="1954704" y="1008752"/>
            <a:ext cx="467300" cy="72008"/>
          </a:xfrm>
          <a:prstGeom prst="rect">
            <a:avLst/>
          </a:prstGeom>
          <a:solidFill>
            <a:srgbClr val="FF0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6ED0A173-8338-474B-8564-243F7B9A709C}"/>
              </a:ext>
            </a:extLst>
          </p:cNvPr>
          <p:cNvSpPr/>
          <p:nvPr/>
        </p:nvSpPr>
        <p:spPr bwMode="auto">
          <a:xfrm>
            <a:off x="1924883" y="2016864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44D36746-A7F0-4878-83E4-BD2F7B3B605B}"/>
              </a:ext>
            </a:extLst>
          </p:cNvPr>
          <p:cNvSpPr/>
          <p:nvPr/>
        </p:nvSpPr>
        <p:spPr bwMode="auto">
          <a:xfrm>
            <a:off x="1945933" y="2111553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8BF322B9-92C5-4863-9BEC-397597D82C23}"/>
              </a:ext>
            </a:extLst>
          </p:cNvPr>
          <p:cNvSpPr/>
          <p:nvPr/>
        </p:nvSpPr>
        <p:spPr bwMode="auto">
          <a:xfrm>
            <a:off x="1945935" y="2204864"/>
            <a:ext cx="467300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493C5F73-A92C-4BF7-BD89-21C370DD7B3C}"/>
              </a:ext>
            </a:extLst>
          </p:cNvPr>
          <p:cNvSpPr/>
          <p:nvPr/>
        </p:nvSpPr>
        <p:spPr bwMode="auto">
          <a:xfrm>
            <a:off x="1954704" y="3076940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09ADE925-7978-4460-A473-E111ACEFB67A}"/>
              </a:ext>
            </a:extLst>
          </p:cNvPr>
          <p:cNvSpPr/>
          <p:nvPr/>
        </p:nvSpPr>
        <p:spPr bwMode="auto">
          <a:xfrm>
            <a:off x="1979347" y="4042327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D0D90164-FE87-4B9B-A6EF-144DD1C9ADB2}"/>
              </a:ext>
            </a:extLst>
          </p:cNvPr>
          <p:cNvSpPr/>
          <p:nvPr/>
        </p:nvSpPr>
        <p:spPr bwMode="auto">
          <a:xfrm>
            <a:off x="1954704" y="4776849"/>
            <a:ext cx="467300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7" name="Rektangel 26">
            <a:extLst>
              <a:ext uri="{FF2B5EF4-FFF2-40B4-BE49-F238E27FC236}">
                <a16:creationId xmlns:a16="http://schemas.microsoft.com/office/drawing/2014/main" id="{0B7E8D1C-4284-4D1F-8C97-0A2769E21156}"/>
              </a:ext>
            </a:extLst>
          </p:cNvPr>
          <p:cNvSpPr/>
          <p:nvPr/>
        </p:nvSpPr>
        <p:spPr bwMode="auto">
          <a:xfrm>
            <a:off x="1985964" y="6110515"/>
            <a:ext cx="467300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" name="Rektangel 27">
            <a:extLst>
              <a:ext uri="{FF2B5EF4-FFF2-40B4-BE49-F238E27FC236}">
                <a16:creationId xmlns:a16="http://schemas.microsoft.com/office/drawing/2014/main" id="{00A25FA0-CEAD-4FA8-B9EB-89D904DE07B6}"/>
              </a:ext>
            </a:extLst>
          </p:cNvPr>
          <p:cNvSpPr/>
          <p:nvPr/>
        </p:nvSpPr>
        <p:spPr bwMode="auto">
          <a:xfrm>
            <a:off x="3132745" y="5521200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75E7436F-ABF3-4161-86F5-CDC5032C39FA}"/>
              </a:ext>
            </a:extLst>
          </p:cNvPr>
          <p:cNvSpPr/>
          <p:nvPr/>
        </p:nvSpPr>
        <p:spPr bwMode="auto">
          <a:xfrm>
            <a:off x="3124458" y="5435909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D96CDD82-7B37-4CBE-846F-0907BC789507}"/>
              </a:ext>
            </a:extLst>
          </p:cNvPr>
          <p:cNvSpPr/>
          <p:nvPr/>
        </p:nvSpPr>
        <p:spPr bwMode="auto">
          <a:xfrm>
            <a:off x="3140844" y="4234469"/>
            <a:ext cx="467300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7A27A9AB-383B-48F0-8D2C-3712DCC8B9BE}"/>
              </a:ext>
            </a:extLst>
          </p:cNvPr>
          <p:cNvSpPr/>
          <p:nvPr/>
        </p:nvSpPr>
        <p:spPr bwMode="auto">
          <a:xfrm>
            <a:off x="3191829" y="3455189"/>
            <a:ext cx="46730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2" name="Rektangel 31">
            <a:extLst>
              <a:ext uri="{FF2B5EF4-FFF2-40B4-BE49-F238E27FC236}">
                <a16:creationId xmlns:a16="http://schemas.microsoft.com/office/drawing/2014/main" id="{845C6086-6A7D-4808-A885-E9F8217FD131}"/>
              </a:ext>
            </a:extLst>
          </p:cNvPr>
          <p:cNvSpPr/>
          <p:nvPr/>
        </p:nvSpPr>
        <p:spPr bwMode="auto">
          <a:xfrm>
            <a:off x="3070076" y="2535590"/>
            <a:ext cx="648072" cy="61752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3" name="Rektangel 32">
            <a:extLst>
              <a:ext uri="{FF2B5EF4-FFF2-40B4-BE49-F238E27FC236}">
                <a16:creationId xmlns:a16="http://schemas.microsoft.com/office/drawing/2014/main" id="{0572FFC7-E56D-47AD-B32B-744157CF3BFF}"/>
              </a:ext>
            </a:extLst>
          </p:cNvPr>
          <p:cNvSpPr/>
          <p:nvPr/>
        </p:nvSpPr>
        <p:spPr bwMode="auto">
          <a:xfrm>
            <a:off x="3083064" y="1151858"/>
            <a:ext cx="851107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4" name="Rektangel 33">
            <a:extLst>
              <a:ext uri="{FF2B5EF4-FFF2-40B4-BE49-F238E27FC236}">
                <a16:creationId xmlns:a16="http://schemas.microsoft.com/office/drawing/2014/main" id="{BCA35A85-6D24-447E-833B-B3405830467B}"/>
              </a:ext>
            </a:extLst>
          </p:cNvPr>
          <p:cNvSpPr/>
          <p:nvPr/>
        </p:nvSpPr>
        <p:spPr bwMode="auto">
          <a:xfrm>
            <a:off x="4438229" y="1494194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5" name="Rektangel 34">
            <a:extLst>
              <a:ext uri="{FF2B5EF4-FFF2-40B4-BE49-F238E27FC236}">
                <a16:creationId xmlns:a16="http://schemas.microsoft.com/office/drawing/2014/main" id="{CDB32966-261F-4CBF-991A-D9BBAC2DEE3A}"/>
              </a:ext>
            </a:extLst>
          </p:cNvPr>
          <p:cNvSpPr/>
          <p:nvPr/>
        </p:nvSpPr>
        <p:spPr bwMode="auto">
          <a:xfrm>
            <a:off x="4446613" y="1604134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Rektangel 36">
            <a:extLst>
              <a:ext uri="{FF2B5EF4-FFF2-40B4-BE49-F238E27FC236}">
                <a16:creationId xmlns:a16="http://schemas.microsoft.com/office/drawing/2014/main" id="{B39DA3D3-5BAA-40CF-95FA-BCC023CC02DE}"/>
              </a:ext>
            </a:extLst>
          </p:cNvPr>
          <p:cNvSpPr/>
          <p:nvPr/>
        </p:nvSpPr>
        <p:spPr bwMode="auto">
          <a:xfrm>
            <a:off x="4446613" y="2390500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8" name="Rektangel 37">
            <a:extLst>
              <a:ext uri="{FF2B5EF4-FFF2-40B4-BE49-F238E27FC236}">
                <a16:creationId xmlns:a16="http://schemas.microsoft.com/office/drawing/2014/main" id="{93FDCBAE-6DBD-4473-97DB-A14CEE797CF5}"/>
              </a:ext>
            </a:extLst>
          </p:cNvPr>
          <p:cNvSpPr/>
          <p:nvPr/>
        </p:nvSpPr>
        <p:spPr bwMode="auto">
          <a:xfrm>
            <a:off x="4438228" y="3076940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Rektangel 38">
            <a:extLst>
              <a:ext uri="{FF2B5EF4-FFF2-40B4-BE49-F238E27FC236}">
                <a16:creationId xmlns:a16="http://schemas.microsoft.com/office/drawing/2014/main" id="{61752911-898A-407D-BA28-323A25587D1F}"/>
              </a:ext>
            </a:extLst>
          </p:cNvPr>
          <p:cNvSpPr/>
          <p:nvPr/>
        </p:nvSpPr>
        <p:spPr bwMode="auto">
          <a:xfrm>
            <a:off x="4438229" y="3821289"/>
            <a:ext cx="288032" cy="60775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0" name="Rektangel 39">
            <a:extLst>
              <a:ext uri="{FF2B5EF4-FFF2-40B4-BE49-F238E27FC236}">
                <a16:creationId xmlns:a16="http://schemas.microsoft.com/office/drawing/2014/main" id="{44956D0E-7DCF-487B-A246-6DA7A51A1647}"/>
              </a:ext>
            </a:extLst>
          </p:cNvPr>
          <p:cNvSpPr/>
          <p:nvPr/>
        </p:nvSpPr>
        <p:spPr bwMode="auto">
          <a:xfrm>
            <a:off x="4434674" y="4659686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1" name="Rektangel 40">
            <a:extLst>
              <a:ext uri="{FF2B5EF4-FFF2-40B4-BE49-F238E27FC236}">
                <a16:creationId xmlns:a16="http://schemas.microsoft.com/office/drawing/2014/main" id="{4506A520-7649-4198-B82B-0E352E598DD6}"/>
              </a:ext>
            </a:extLst>
          </p:cNvPr>
          <p:cNvSpPr/>
          <p:nvPr/>
        </p:nvSpPr>
        <p:spPr bwMode="auto">
          <a:xfrm>
            <a:off x="4447948" y="5387679"/>
            <a:ext cx="288032" cy="60775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2" name="Rektangel 41">
            <a:extLst>
              <a:ext uri="{FF2B5EF4-FFF2-40B4-BE49-F238E27FC236}">
                <a16:creationId xmlns:a16="http://schemas.microsoft.com/office/drawing/2014/main" id="{882600BD-F665-4C78-8898-EEDA625738F3}"/>
              </a:ext>
            </a:extLst>
          </p:cNvPr>
          <p:cNvSpPr/>
          <p:nvPr/>
        </p:nvSpPr>
        <p:spPr bwMode="auto">
          <a:xfrm>
            <a:off x="4456332" y="5479304"/>
            <a:ext cx="288032" cy="60775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3" name="Rektangel 42">
            <a:extLst>
              <a:ext uri="{FF2B5EF4-FFF2-40B4-BE49-F238E27FC236}">
                <a16:creationId xmlns:a16="http://schemas.microsoft.com/office/drawing/2014/main" id="{F562C4AB-FBE6-4686-8587-95D5B8ACBC0B}"/>
              </a:ext>
            </a:extLst>
          </p:cNvPr>
          <p:cNvSpPr/>
          <p:nvPr/>
        </p:nvSpPr>
        <p:spPr bwMode="auto">
          <a:xfrm>
            <a:off x="5015626" y="5863999"/>
            <a:ext cx="467299" cy="246516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4" name="Rektangel 43">
            <a:extLst>
              <a:ext uri="{FF2B5EF4-FFF2-40B4-BE49-F238E27FC236}">
                <a16:creationId xmlns:a16="http://schemas.microsoft.com/office/drawing/2014/main" id="{2D313B66-219E-4A76-B5CE-AE89EB02AA7D}"/>
              </a:ext>
            </a:extLst>
          </p:cNvPr>
          <p:cNvSpPr/>
          <p:nvPr/>
        </p:nvSpPr>
        <p:spPr bwMode="auto">
          <a:xfrm>
            <a:off x="1924883" y="1811303"/>
            <a:ext cx="488352" cy="84226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5" name="Rektangel 44">
            <a:extLst>
              <a:ext uri="{FF2B5EF4-FFF2-40B4-BE49-F238E27FC236}">
                <a16:creationId xmlns:a16="http://schemas.microsoft.com/office/drawing/2014/main" id="{57817E1B-B72D-43D4-A8A4-D246EED8BE91}"/>
              </a:ext>
            </a:extLst>
          </p:cNvPr>
          <p:cNvSpPr/>
          <p:nvPr/>
        </p:nvSpPr>
        <p:spPr bwMode="auto">
          <a:xfrm>
            <a:off x="5015626" y="914336"/>
            <a:ext cx="288032" cy="60775"/>
          </a:xfrm>
          <a:prstGeom prst="rect">
            <a:avLst/>
          </a:prstGeom>
          <a:solidFill>
            <a:srgbClr val="FF0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6" name="Rektangel 45">
            <a:extLst>
              <a:ext uri="{FF2B5EF4-FFF2-40B4-BE49-F238E27FC236}">
                <a16:creationId xmlns:a16="http://schemas.microsoft.com/office/drawing/2014/main" id="{7E4E29A5-F4F2-4332-993B-61939DAEEB57}"/>
              </a:ext>
            </a:extLst>
          </p:cNvPr>
          <p:cNvSpPr/>
          <p:nvPr/>
        </p:nvSpPr>
        <p:spPr bwMode="auto">
          <a:xfrm>
            <a:off x="3148577" y="5634134"/>
            <a:ext cx="360040" cy="72008"/>
          </a:xfrm>
          <a:prstGeom prst="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7" name="Rektangel 46">
            <a:extLst>
              <a:ext uri="{FF2B5EF4-FFF2-40B4-BE49-F238E27FC236}">
                <a16:creationId xmlns:a16="http://schemas.microsoft.com/office/drawing/2014/main" id="{35816E29-2F75-4E35-802D-491D466EBD5B}"/>
              </a:ext>
            </a:extLst>
          </p:cNvPr>
          <p:cNvSpPr/>
          <p:nvPr/>
        </p:nvSpPr>
        <p:spPr bwMode="auto">
          <a:xfrm>
            <a:off x="1985964" y="6020208"/>
            <a:ext cx="467300" cy="72008"/>
          </a:xfrm>
          <a:prstGeom prst="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graphicFrame>
        <p:nvGraphicFramePr>
          <p:cNvPr id="48" name="Tabel 47">
            <a:extLst>
              <a:ext uri="{FF2B5EF4-FFF2-40B4-BE49-F238E27FC236}">
                <a16:creationId xmlns:a16="http://schemas.microsoft.com/office/drawing/2014/main" id="{65C65819-22F5-4B32-8DA9-4CDDC1D0C66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22734040"/>
              </p:ext>
            </p:extLst>
          </p:nvPr>
        </p:nvGraphicFramePr>
        <p:xfrm>
          <a:off x="6423960" y="4476720"/>
          <a:ext cx="4206956" cy="1112520"/>
        </p:xfrm>
        <a:graphic>
          <a:graphicData uri="http://schemas.openxmlformats.org/drawingml/2006/table">
            <a:tbl>
              <a:tblPr firstCol="1" bandRow="1">
                <a:tableStyleId>{5C22544A-7EE6-4342-B048-85BDC9FD1C3A}</a:tableStyleId>
              </a:tblPr>
              <a:tblGrid>
                <a:gridCol w="2103478">
                  <a:extLst>
                    <a:ext uri="{9D8B030D-6E8A-4147-A177-3AD203B41FA5}">
                      <a16:colId xmlns:a16="http://schemas.microsoft.com/office/drawing/2014/main" val="1907845222"/>
                    </a:ext>
                  </a:extLst>
                </a:gridCol>
                <a:gridCol w="2103478">
                  <a:extLst>
                    <a:ext uri="{9D8B030D-6E8A-4147-A177-3AD203B41FA5}">
                      <a16:colId xmlns:a16="http://schemas.microsoft.com/office/drawing/2014/main" val="20214975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Total # of fil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4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109373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Files </a:t>
                      </a:r>
                      <a:r>
                        <a:rPr lang="da-DK" dirty="0" err="1"/>
                        <a:t>edited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317585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da-DK" dirty="0" err="1"/>
                        <a:t>Other</a:t>
                      </a:r>
                      <a:r>
                        <a:rPr lang="da-DK" dirty="0"/>
                        <a:t> fil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3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88087001"/>
                  </a:ext>
                </a:extLst>
              </a:tr>
            </a:tbl>
          </a:graphicData>
        </a:graphic>
      </p:graphicFrame>
      <p:sp>
        <p:nvSpPr>
          <p:cNvPr id="49" name="Rektangel: afrundede hjørner 48">
            <a:extLst>
              <a:ext uri="{FF2B5EF4-FFF2-40B4-BE49-F238E27FC236}">
                <a16:creationId xmlns:a16="http://schemas.microsoft.com/office/drawing/2014/main" id="{8618E045-7D7E-43EC-BAD2-A28BC45043AF}"/>
              </a:ext>
            </a:extLst>
          </p:cNvPr>
          <p:cNvSpPr/>
          <p:nvPr/>
        </p:nvSpPr>
        <p:spPr bwMode="auto">
          <a:xfrm>
            <a:off x="6382444" y="1124744"/>
            <a:ext cx="360040" cy="360040"/>
          </a:xfrm>
          <a:prstGeom prst="roundRect">
            <a:avLst/>
          </a:prstGeom>
          <a:solidFill>
            <a:srgbClr val="FF0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0" name="Rektangel: afrundede hjørner 49">
            <a:extLst>
              <a:ext uri="{FF2B5EF4-FFF2-40B4-BE49-F238E27FC236}">
                <a16:creationId xmlns:a16="http://schemas.microsoft.com/office/drawing/2014/main" id="{CEDC25C1-0F6D-4107-ADCF-41C5968C966C}"/>
              </a:ext>
            </a:extLst>
          </p:cNvPr>
          <p:cNvSpPr/>
          <p:nvPr/>
        </p:nvSpPr>
        <p:spPr bwMode="auto">
          <a:xfrm>
            <a:off x="6382444" y="1556792"/>
            <a:ext cx="360040" cy="360040"/>
          </a:xfrm>
          <a:prstGeom prst="roundRect">
            <a:avLst/>
          </a:prstGeom>
          <a:solidFill>
            <a:srgbClr val="FFC00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1" name="Rektangel: afrundede hjørner 50">
            <a:extLst>
              <a:ext uri="{FF2B5EF4-FFF2-40B4-BE49-F238E27FC236}">
                <a16:creationId xmlns:a16="http://schemas.microsoft.com/office/drawing/2014/main" id="{7A247702-18D7-4B5A-A275-187E0ABFDAD3}"/>
              </a:ext>
            </a:extLst>
          </p:cNvPr>
          <p:cNvSpPr/>
          <p:nvPr/>
        </p:nvSpPr>
        <p:spPr bwMode="auto">
          <a:xfrm>
            <a:off x="6382444" y="1988840"/>
            <a:ext cx="360040" cy="360040"/>
          </a:xfrm>
          <a:prstGeom prst="roundRect">
            <a:avLst/>
          </a:prstGeom>
          <a:solidFill>
            <a:srgbClr val="92D050">
              <a:alpha val="60000"/>
            </a:srgb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2" name="Tekstfelt 51">
            <a:extLst>
              <a:ext uri="{FF2B5EF4-FFF2-40B4-BE49-F238E27FC236}">
                <a16:creationId xmlns:a16="http://schemas.microsoft.com/office/drawing/2014/main" id="{E9E5484A-AD04-40E9-805F-CAB81DD07543}"/>
              </a:ext>
            </a:extLst>
          </p:cNvPr>
          <p:cNvSpPr txBox="1"/>
          <p:nvPr/>
        </p:nvSpPr>
        <p:spPr>
          <a:xfrm>
            <a:off x="6886500" y="1196752"/>
            <a:ext cx="2039917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>
                <a:latin typeface="+mn-lt"/>
              </a:rPr>
              <a:t>Original information</a:t>
            </a:r>
          </a:p>
        </p:txBody>
      </p:sp>
      <p:sp>
        <p:nvSpPr>
          <p:cNvPr id="53" name="Tekstfelt 52">
            <a:extLst>
              <a:ext uri="{FF2B5EF4-FFF2-40B4-BE49-F238E27FC236}">
                <a16:creationId xmlns:a16="http://schemas.microsoft.com/office/drawing/2014/main" id="{15C04450-F50B-4DE6-8A36-37B322CB3AA1}"/>
              </a:ext>
            </a:extLst>
          </p:cNvPr>
          <p:cNvSpPr txBox="1"/>
          <p:nvPr/>
        </p:nvSpPr>
        <p:spPr>
          <a:xfrm>
            <a:off x="6886500" y="1628800"/>
            <a:ext cx="1397819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 err="1">
                <a:latin typeface="+mn-lt"/>
              </a:rPr>
              <a:t>Unedited</a:t>
            </a:r>
            <a:r>
              <a:rPr lang="da-DK" sz="1800" dirty="0">
                <a:latin typeface="+mn-lt"/>
              </a:rPr>
              <a:t> files</a:t>
            </a:r>
          </a:p>
        </p:txBody>
      </p:sp>
      <p:sp>
        <p:nvSpPr>
          <p:cNvPr id="54" name="Tekstfelt 53">
            <a:extLst>
              <a:ext uri="{FF2B5EF4-FFF2-40B4-BE49-F238E27FC236}">
                <a16:creationId xmlns:a16="http://schemas.microsoft.com/office/drawing/2014/main" id="{950980AA-2F6B-4D2B-A849-AEAFFBABC9A3}"/>
              </a:ext>
            </a:extLst>
          </p:cNvPr>
          <p:cNvSpPr txBox="1"/>
          <p:nvPr/>
        </p:nvSpPr>
        <p:spPr>
          <a:xfrm>
            <a:off x="6856833" y="2013723"/>
            <a:ext cx="1107676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 err="1">
                <a:latin typeface="+mn-lt"/>
              </a:rPr>
              <a:t>Edited</a:t>
            </a:r>
            <a:r>
              <a:rPr lang="da-DK" sz="1800" dirty="0">
                <a:latin typeface="+mn-lt"/>
              </a:rPr>
              <a:t> fil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4829026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flow – susceptibility refinement</a:t>
            </a:r>
          </a:p>
        </p:txBody>
      </p:sp>
      <p:grpSp>
        <p:nvGrpSpPr>
          <p:cNvPr id="2" name="Gruppe 1">
            <a:extLst>
              <a:ext uri="{FF2B5EF4-FFF2-40B4-BE49-F238E27FC236}">
                <a16:creationId xmlns:a16="http://schemas.microsoft.com/office/drawing/2014/main" id="{3224E054-4E6E-467F-81CE-5B910C7FD278}"/>
              </a:ext>
            </a:extLst>
          </p:cNvPr>
          <p:cNvGrpSpPr/>
          <p:nvPr/>
        </p:nvGrpSpPr>
        <p:grpSpPr>
          <a:xfrm>
            <a:off x="445420" y="1243019"/>
            <a:ext cx="5537343" cy="2865041"/>
            <a:chOff x="5963839" y="851991"/>
            <a:chExt cx="6064498" cy="3137793"/>
          </a:xfrm>
        </p:grpSpPr>
        <p:pic>
          <p:nvPicPr>
            <p:cNvPr id="14" name="Billede 13">
              <a:extLst>
                <a:ext uri="{FF2B5EF4-FFF2-40B4-BE49-F238E27FC236}">
                  <a16:creationId xmlns:a16="http://schemas.microsoft.com/office/drawing/2014/main" id="{C140B4F5-0405-48FD-88C3-00D072DD65B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065141" y="851991"/>
              <a:ext cx="5963196" cy="3137793"/>
            </a:xfrm>
            <a:prstGeom prst="rect">
              <a:avLst/>
            </a:prstGeom>
          </p:spPr>
        </p:pic>
        <p:sp>
          <p:nvSpPr>
            <p:cNvPr id="15" name="Rektangel 14">
              <a:extLst>
                <a:ext uri="{FF2B5EF4-FFF2-40B4-BE49-F238E27FC236}">
                  <a16:creationId xmlns:a16="http://schemas.microsoft.com/office/drawing/2014/main" id="{A739ED90-AADF-4782-9B63-B5D4C4413071}"/>
                </a:ext>
              </a:extLst>
            </p:cNvPr>
            <p:cNvSpPr/>
            <p:nvPr/>
          </p:nvSpPr>
          <p:spPr bwMode="auto">
            <a:xfrm>
              <a:off x="7427365" y="1716087"/>
              <a:ext cx="504056" cy="288032"/>
            </a:xfrm>
            <a:prstGeom prst="rect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6" name="Rektangel 15">
              <a:extLst>
                <a:ext uri="{FF2B5EF4-FFF2-40B4-BE49-F238E27FC236}">
                  <a16:creationId xmlns:a16="http://schemas.microsoft.com/office/drawing/2014/main" id="{E8DCDF46-18D8-4317-81FB-95DEBB048EB5}"/>
                </a:ext>
              </a:extLst>
            </p:cNvPr>
            <p:cNvSpPr/>
            <p:nvPr/>
          </p:nvSpPr>
          <p:spPr bwMode="auto">
            <a:xfrm>
              <a:off x="8303991" y="1932111"/>
              <a:ext cx="923573" cy="288032"/>
            </a:xfrm>
            <a:prstGeom prst="rect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Rektangel 16">
              <a:extLst>
                <a:ext uri="{FF2B5EF4-FFF2-40B4-BE49-F238E27FC236}">
                  <a16:creationId xmlns:a16="http://schemas.microsoft.com/office/drawing/2014/main" id="{1117D897-0855-4FA0-A3D2-A186994EC65A}"/>
                </a:ext>
              </a:extLst>
            </p:cNvPr>
            <p:cNvSpPr/>
            <p:nvPr/>
          </p:nvSpPr>
          <p:spPr bwMode="auto">
            <a:xfrm>
              <a:off x="5963839" y="1644079"/>
              <a:ext cx="504056" cy="288032"/>
            </a:xfrm>
            <a:prstGeom prst="rect">
              <a:avLst/>
            </a:prstGeom>
            <a:noFill/>
            <a:ln w="2857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  <p:pic>
        <p:nvPicPr>
          <p:cNvPr id="3" name="Billede 2">
            <a:extLst>
              <a:ext uri="{FF2B5EF4-FFF2-40B4-BE49-F238E27FC236}">
                <a16:creationId xmlns:a16="http://schemas.microsoft.com/office/drawing/2014/main" id="{F8962BC2-F2B8-45A5-B112-059258CD69A8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3920" t="15527" r="46549" b="4406"/>
          <a:stretch/>
        </p:blipFill>
        <p:spPr>
          <a:xfrm>
            <a:off x="2324556" y="2675539"/>
            <a:ext cx="4181387" cy="3590852"/>
          </a:xfrm>
          <a:prstGeom prst="rect">
            <a:avLst/>
          </a:prstGeom>
          <a:ln w="38100">
            <a:solidFill>
              <a:schemeClr val="tx1"/>
            </a:solidFill>
          </a:ln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A61F5C26-BED8-4796-9230-B82BA1630B1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81633" y="980728"/>
            <a:ext cx="3744416" cy="3892477"/>
          </a:xfrm>
          <a:prstGeom prst="rect">
            <a:avLst/>
          </a:prstGeom>
          <a:ln w="38100">
            <a:solidFill>
              <a:schemeClr val="tx1"/>
            </a:solidFill>
          </a:ln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764EDD6C-9438-42DC-B46E-A6CEDA99029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606580" y="2229250"/>
            <a:ext cx="3597068" cy="39084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718203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13</Words>
  <Application>Microsoft Office PowerPoint</Application>
  <PresentationFormat>Brugerdefineret</PresentationFormat>
  <Paragraphs>135</Paragraphs>
  <Slides>12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0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2</vt:i4>
      </vt:variant>
    </vt:vector>
  </HeadingPairs>
  <TitlesOfParts>
    <vt:vector size="23" baseType="lpstr">
      <vt:lpstr>AU Passata</vt:lpstr>
      <vt:lpstr>AU Peto</vt:lpstr>
      <vt:lpstr>AU Passata Light</vt:lpstr>
      <vt:lpstr>Wingdings 3</vt:lpstr>
      <vt:lpstr>Calibri</vt:lpstr>
      <vt:lpstr>Georgia</vt:lpstr>
      <vt:lpstr>Wingdings</vt:lpstr>
      <vt:lpstr>Times New Roman</vt:lpstr>
      <vt:lpstr>Cambria Math</vt:lpstr>
      <vt:lpstr>Arial</vt:lpstr>
      <vt:lpstr>AU 16:9</vt:lpstr>
      <vt:lpstr>Experiences as a user of neutron diffraction</vt:lpstr>
      <vt:lpstr>Molecular magnetism</vt:lpstr>
      <vt:lpstr>The use of neutrons in mm</vt:lpstr>
      <vt:lpstr>The use of neutrons in mm</vt:lpstr>
      <vt:lpstr>Modelling the diffraction</vt:lpstr>
      <vt:lpstr>Results from pol neutron diff</vt:lpstr>
      <vt:lpstr>Workflow – susceptibility refinement</vt:lpstr>
      <vt:lpstr>Workflow – susceptibility refinement</vt:lpstr>
      <vt:lpstr>Workflow – susceptibility refinement</vt:lpstr>
      <vt:lpstr>Workflow improvements</vt:lpstr>
      <vt:lpstr>conclusions</vt:lpstr>
      <vt:lpstr>aknowledgement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9-12T10:42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0962119298321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300</vt:lpwstr>
  </property>
  <property fmtid="{D5CDD505-2E9C-101B-9397-08002B2CF9AE}" pid="62" name="colorthemechange">
    <vt:lpwstr>True</vt:lpwstr>
  </property>
</Properties>
</file>